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726"/>
  <workbookPr defaultThemeVersion="202300"/>
  <mc:AlternateContent xmlns:mc="http://schemas.openxmlformats.org/markup-compatibility/2006">
    <mc:Choice Requires="x15">
      <x15ac:absPath xmlns:x15ac="http://schemas.microsoft.com/office/spreadsheetml/2010/11/ac" url="C:\Users\s27910\Desktop\"/>
    </mc:Choice>
  </mc:AlternateContent>
  <xr:revisionPtr revIDLastSave="0" documentId="8_{E34CBDE0-32D0-4AF3-972A-211BA42C2E57}" xr6:coauthVersionLast="47" xr6:coauthVersionMax="47" xr10:uidLastSave="{00000000-0000-0000-0000-000000000000}"/>
  <bookViews>
    <workbookView xWindow="-110" yWindow="-110" windowWidth="19420" windowHeight="10300" xr2:uid="{DABC209F-401A-43D6-909B-DBA1D3C3A3A2}"/>
  </bookViews>
  <sheets>
    <sheet name="就労証明書 " sheetId="1" r:id="rId1"/>
    <sheet name="様式記入例（裏）" sheetId="2" r:id="rId2"/>
  </sheets>
  <externalReferences>
    <externalReference r:id="rId3"/>
  </externalReferences>
  <definedNames>
    <definedName name="_xlnm._FilterDatabase" localSheetId="0" hidden="1">'就労証明書 '!$B$13:$AK$56</definedName>
    <definedName name="_xlnm._FilterDatabase" localSheetId="1" hidden="1">'様式記入例（裏）'!$B$13:$AK$56</definedName>
    <definedName name="_xlnm.Print_Area" localSheetId="0">'就労証明書 '!$B$1:$AL$56</definedName>
    <definedName name="_xlnm.Print_Area" localSheetId="1">'様式記入例（裏）'!$B$1:$AL$74</definedName>
    <definedName name="価格">[1]Sheet1!$C:$C</definedName>
    <definedName name="金額">[1]Sheet1!$E:$E</definedName>
    <definedName name="個数">[1]Sheet1!$D:$D</definedName>
    <definedName name="消費税率">[1]Sheet1!$F$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712" uniqueCount="140">
  <si>
    <t>就労証明書</t>
    <phoneticPr fontId="4"/>
  </si>
  <si>
    <t>沖縄市長</t>
    <rPh sb="0" eb="2">
      <t>オキナワ</t>
    </rPh>
    <rPh sb="2" eb="4">
      <t>シチョウ</t>
    </rPh>
    <phoneticPr fontId="4"/>
  </si>
  <si>
    <t>宛</t>
    <rPh sb="0" eb="1">
      <t>アテ</t>
    </rPh>
    <phoneticPr fontId="4"/>
  </si>
  <si>
    <t>証明日</t>
    <rPh sb="0" eb="2">
      <t>ショウメイ</t>
    </rPh>
    <rPh sb="2" eb="3">
      <t>ビ</t>
    </rPh>
    <phoneticPr fontId="4"/>
  </si>
  <si>
    <t>西暦</t>
    <rPh sb="0" eb="2">
      <t>セイレキ</t>
    </rPh>
    <phoneticPr fontId="4"/>
  </si>
  <si>
    <t>年</t>
    <rPh sb="0" eb="1">
      <t>ネン</t>
    </rPh>
    <phoneticPr fontId="4"/>
  </si>
  <si>
    <t>月</t>
    <rPh sb="0" eb="1">
      <t>ガツ</t>
    </rPh>
    <phoneticPr fontId="4"/>
  </si>
  <si>
    <t>日</t>
    <rPh sb="0" eb="1">
      <t>ニチ</t>
    </rPh>
    <phoneticPr fontId="4"/>
  </si>
  <si>
    <t>事業所名</t>
    <rPh sb="0" eb="3">
      <t>ジギョウショ</t>
    </rPh>
    <rPh sb="3" eb="4">
      <t>メイ</t>
    </rPh>
    <phoneticPr fontId="4"/>
  </si>
  <si>
    <t>代表者名</t>
    <rPh sb="0" eb="3">
      <t>ダイヒョウシャ</t>
    </rPh>
    <rPh sb="3" eb="4">
      <t>メイ</t>
    </rPh>
    <phoneticPr fontId="4"/>
  </si>
  <si>
    <t>所在地</t>
    <rPh sb="0" eb="3">
      <t>ショザイチ</t>
    </rPh>
    <phoneticPr fontId="4"/>
  </si>
  <si>
    <t>電話番号</t>
    <rPh sb="0" eb="2">
      <t>デンワ</t>
    </rPh>
    <rPh sb="2" eb="4">
      <t>バンゴウ</t>
    </rPh>
    <phoneticPr fontId="4"/>
  </si>
  <si>
    <t>―</t>
    <phoneticPr fontId="4"/>
  </si>
  <si>
    <t>担当者名</t>
    <rPh sb="0" eb="3">
      <t>タントウシャ</t>
    </rPh>
    <rPh sb="3" eb="4">
      <t>メイ</t>
    </rPh>
    <phoneticPr fontId="4"/>
  </si>
  <si>
    <t>記載者連絡先</t>
    <rPh sb="0" eb="2">
      <t>キサイ</t>
    </rPh>
    <rPh sb="2" eb="3">
      <t>シャ</t>
    </rPh>
    <rPh sb="3" eb="6">
      <t>レンラクサキ</t>
    </rPh>
    <phoneticPr fontId="4"/>
  </si>
  <si>
    <t>下記の内容について、事実であることを証明いたします。</t>
    <rPh sb="0" eb="2">
      <t>カキ</t>
    </rPh>
    <rPh sb="3" eb="5">
      <t>ナイヨウ</t>
    </rPh>
    <rPh sb="10" eb="12">
      <t>ジジツ</t>
    </rPh>
    <rPh sb="18" eb="20">
      <t>ショウメイ</t>
    </rPh>
    <phoneticPr fontId="4"/>
  </si>
  <si>
    <t>※本証明書の内容について、就労先事業者等に無断で作成し又は改変を行ったときには、刑法上の罪に問われる場合があります。</t>
    <phoneticPr fontId="4"/>
  </si>
  <si>
    <t>No.</t>
    <phoneticPr fontId="4"/>
  </si>
  <si>
    <t>項目</t>
    <rPh sb="0" eb="2">
      <t>コウモク</t>
    </rPh>
    <phoneticPr fontId="4"/>
  </si>
  <si>
    <t>記載欄</t>
    <rPh sb="0" eb="2">
      <t>キサイ</t>
    </rPh>
    <rPh sb="2" eb="3">
      <t>ラン</t>
    </rPh>
    <phoneticPr fontId="4"/>
  </si>
  <si>
    <t>業種</t>
    <rPh sb="0" eb="2">
      <t>ギョウシュ</t>
    </rPh>
    <phoneticPr fontId="4"/>
  </si>
  <si>
    <t>□</t>
  </si>
  <si>
    <t>農業・林業</t>
  </si>
  <si>
    <t>漁業</t>
  </si>
  <si>
    <t>鉱業・採石業・砂利採取業</t>
  </si>
  <si>
    <t>建設業</t>
  </si>
  <si>
    <t>製造業</t>
  </si>
  <si>
    <t>電気・ガス・熱供給・水道業</t>
  </si>
  <si>
    <t>情報通信業</t>
  </si>
  <si>
    <t>運輸業・郵便業</t>
  </si>
  <si>
    <t>卸売業・小売業</t>
  </si>
  <si>
    <t>金融業・保険業</t>
  </si>
  <si>
    <t>不動産業・物品賃貸業</t>
  </si>
  <si>
    <t>学術研究・専門・技術サービス</t>
  </si>
  <si>
    <t>宿泊業・飲食サービス業</t>
  </si>
  <si>
    <t>生活関連サービス業・娯楽業</t>
  </si>
  <si>
    <t>医療・福祉</t>
  </si>
  <si>
    <t>教育・学習支援業</t>
    <phoneticPr fontId="4"/>
  </si>
  <si>
    <t>複合サービス事業</t>
  </si>
  <si>
    <t>公務</t>
  </si>
  <si>
    <t>その他（</t>
    <phoneticPr fontId="4"/>
  </si>
  <si>
    <t>）</t>
    <phoneticPr fontId="4"/>
  </si>
  <si>
    <t>フリガナ</t>
    <phoneticPr fontId="4"/>
  </si>
  <si>
    <t>本人氏名</t>
    <rPh sb="0" eb="2">
      <t>ホンニン</t>
    </rPh>
    <rPh sb="2" eb="4">
      <t>シメイ</t>
    </rPh>
    <phoneticPr fontId="4"/>
  </si>
  <si>
    <t>生年
月日</t>
    <phoneticPr fontId="4"/>
  </si>
  <si>
    <t>年</t>
    <phoneticPr fontId="4"/>
  </si>
  <si>
    <t>日</t>
    <phoneticPr fontId="4"/>
  </si>
  <si>
    <t>雇用(予定)期間等</t>
    <rPh sb="0" eb="2">
      <t>コヨウ</t>
    </rPh>
    <rPh sb="3" eb="5">
      <t>ヨテイ</t>
    </rPh>
    <rPh sb="6" eb="8">
      <t>キカン</t>
    </rPh>
    <rPh sb="8" eb="9">
      <t>トウ</t>
    </rPh>
    <phoneticPr fontId="4"/>
  </si>
  <si>
    <t>無期</t>
    <rPh sb="0" eb="2">
      <t>ムキ</t>
    </rPh>
    <phoneticPr fontId="4"/>
  </si>
  <si>
    <t>有期</t>
    <rPh sb="0" eb="2">
      <t>ユウキ</t>
    </rPh>
    <phoneticPr fontId="4"/>
  </si>
  <si>
    <r>
      <t xml:space="preserve">期間 
</t>
    </r>
    <r>
      <rPr>
        <sz val="10"/>
        <color theme="1"/>
        <rFont val="ＭＳ Ｐゴシック"/>
        <family val="3"/>
        <charset val="128"/>
      </rPr>
      <t xml:space="preserve"> （無期の場合は雇用開始日のみ）</t>
    </r>
    <rPh sb="0" eb="2">
      <t>キカン</t>
    </rPh>
    <rPh sb="6" eb="8">
      <t>ムキ</t>
    </rPh>
    <rPh sb="9" eb="11">
      <t>バアイ</t>
    </rPh>
    <rPh sb="12" eb="14">
      <t>コヨウ</t>
    </rPh>
    <rPh sb="14" eb="16">
      <t>カイシ</t>
    </rPh>
    <rPh sb="16" eb="17">
      <t>ビ</t>
    </rPh>
    <phoneticPr fontId="4"/>
  </si>
  <si>
    <t>～</t>
    <phoneticPr fontId="4"/>
  </si>
  <si>
    <t>本人就労先事業所</t>
    <rPh sb="0" eb="2">
      <t>ホンニン</t>
    </rPh>
    <phoneticPr fontId="4"/>
  </si>
  <si>
    <t>名称</t>
    <rPh sb="0" eb="2">
      <t>メイショウ</t>
    </rPh>
    <phoneticPr fontId="4"/>
  </si>
  <si>
    <t>住所</t>
    <rPh sb="0" eb="2">
      <t>ジュウショ</t>
    </rPh>
    <phoneticPr fontId="4"/>
  </si>
  <si>
    <t>雇用の形態</t>
    <rPh sb="0" eb="2">
      <t>コヨウ</t>
    </rPh>
    <rPh sb="3" eb="5">
      <t>ケイタイ</t>
    </rPh>
    <phoneticPr fontId="4"/>
  </si>
  <si>
    <t>正社員</t>
    <phoneticPr fontId="4"/>
  </si>
  <si>
    <t>パート・アルバイト</t>
    <phoneticPr fontId="4"/>
  </si>
  <si>
    <t>派遣社員</t>
  </si>
  <si>
    <t>契約社員</t>
  </si>
  <si>
    <t>会計年度任用職員</t>
  </si>
  <si>
    <t>非常勤・臨時職員</t>
  </si>
  <si>
    <t>役員</t>
  </si>
  <si>
    <t>自営業主</t>
    <phoneticPr fontId="4"/>
  </si>
  <si>
    <t>自営業専従者</t>
    <phoneticPr fontId="4"/>
  </si>
  <si>
    <t>家族従業者</t>
  </si>
  <si>
    <t>内職</t>
  </si>
  <si>
    <t>業務委託</t>
    <rPh sb="0" eb="4">
      <t>ギョウムイタク</t>
    </rPh>
    <phoneticPr fontId="4"/>
  </si>
  <si>
    <t>その他(</t>
    <phoneticPr fontId="4"/>
  </si>
  <si>
    <t>)</t>
    <phoneticPr fontId="4"/>
  </si>
  <si>
    <r>
      <t xml:space="preserve">就労時間
</t>
    </r>
    <r>
      <rPr>
        <sz val="12"/>
        <color theme="1"/>
        <rFont val="ＭＳ Ｐゴシック"/>
        <family val="3"/>
        <charset val="128"/>
      </rPr>
      <t>(固定就労の場合)</t>
    </r>
    <rPh sb="0" eb="2">
      <t>シュウロウ</t>
    </rPh>
    <rPh sb="2" eb="4">
      <t>ジカン</t>
    </rPh>
    <rPh sb="6" eb="8">
      <t>コテイ</t>
    </rPh>
    <rPh sb="8" eb="10">
      <t>シュウロウ</t>
    </rPh>
    <rPh sb="11" eb="13">
      <t>バアイ</t>
    </rPh>
    <phoneticPr fontId="4"/>
  </si>
  <si>
    <t>月</t>
    <rPh sb="0" eb="1">
      <t>ゲツ</t>
    </rPh>
    <phoneticPr fontId="4"/>
  </si>
  <si>
    <t>火</t>
    <rPh sb="0" eb="1">
      <t>カ</t>
    </rPh>
    <phoneticPr fontId="4"/>
  </si>
  <si>
    <t>水</t>
    <rPh sb="0" eb="1">
      <t>スイ</t>
    </rPh>
    <phoneticPr fontId="4"/>
  </si>
  <si>
    <t>木</t>
    <rPh sb="0" eb="1">
      <t>モク</t>
    </rPh>
    <phoneticPr fontId="4"/>
  </si>
  <si>
    <t>金</t>
    <rPh sb="0" eb="1">
      <t>キン</t>
    </rPh>
    <phoneticPr fontId="4"/>
  </si>
  <si>
    <t>土</t>
    <rPh sb="0" eb="1">
      <t>ド</t>
    </rPh>
    <phoneticPr fontId="4"/>
  </si>
  <si>
    <t>祝日</t>
    <phoneticPr fontId="4"/>
  </si>
  <si>
    <t>合計
時間</t>
    <phoneticPr fontId="4"/>
  </si>
  <si>
    <t>月間</t>
    <rPh sb="0" eb="2">
      <t>ゲッカン</t>
    </rPh>
    <phoneticPr fontId="4"/>
  </si>
  <si>
    <t>時間</t>
    <rPh sb="0" eb="2">
      <t>ジカン</t>
    </rPh>
    <phoneticPr fontId="4"/>
  </si>
  <si>
    <t>分</t>
    <rPh sb="0" eb="1">
      <t>フン</t>
    </rPh>
    <phoneticPr fontId="4"/>
  </si>
  <si>
    <r>
      <t>（</t>
    </r>
    <r>
      <rPr>
        <sz val="12"/>
        <color rgb="FF000000"/>
        <rFont val="ＭＳ Ｐゴシック"/>
        <family val="3"/>
        <charset val="128"/>
      </rPr>
      <t>うち休憩時間</t>
    </r>
    <rPh sb="3" eb="5">
      <t>キュウケイ</t>
    </rPh>
    <rPh sb="5" eb="7">
      <t>ジカン</t>
    </rPh>
    <phoneticPr fontId="4"/>
  </si>
  <si>
    <t>分）</t>
    <rPh sb="0" eb="1">
      <t>フン</t>
    </rPh>
    <phoneticPr fontId="4"/>
  </si>
  <si>
    <t>一月当たりの就労日数</t>
    <rPh sb="0" eb="2">
      <t>ヒトツキ</t>
    </rPh>
    <rPh sb="2" eb="3">
      <t>ア</t>
    </rPh>
    <rPh sb="6" eb="8">
      <t>シュウロウ</t>
    </rPh>
    <rPh sb="8" eb="10">
      <t>ニッスウ</t>
    </rPh>
    <phoneticPr fontId="4"/>
  </si>
  <si>
    <t>一週当たりの就労日数</t>
    <rPh sb="0" eb="2">
      <t>イッシュウ</t>
    </rPh>
    <rPh sb="2" eb="3">
      <t>ア</t>
    </rPh>
    <rPh sb="6" eb="8">
      <t>シュウロウ</t>
    </rPh>
    <rPh sb="8" eb="10">
      <t>ニッスウ</t>
    </rPh>
    <phoneticPr fontId="4"/>
  </si>
  <si>
    <t>週間</t>
    <rPh sb="0" eb="2">
      <t>シュウカン</t>
    </rPh>
    <phoneticPr fontId="4"/>
  </si>
  <si>
    <t>平日</t>
    <rPh sb="0" eb="2">
      <t>ヘイジツ</t>
    </rPh>
    <phoneticPr fontId="4"/>
  </si>
  <si>
    <t>時</t>
    <rPh sb="0" eb="1">
      <t>ジ</t>
    </rPh>
    <phoneticPr fontId="4"/>
  </si>
  <si>
    <t>土曜</t>
    <rPh sb="0" eb="2">
      <t>ドヨウ</t>
    </rPh>
    <phoneticPr fontId="4"/>
  </si>
  <si>
    <r>
      <t>（</t>
    </r>
    <r>
      <rPr>
        <sz val="12"/>
        <rFont val="ＭＳ Ｐゴシック"/>
        <family val="3"/>
        <charset val="128"/>
      </rPr>
      <t>うち休憩時間</t>
    </r>
    <rPh sb="3" eb="5">
      <t>キュウケイ</t>
    </rPh>
    <rPh sb="5" eb="7">
      <t>ジカン</t>
    </rPh>
    <phoneticPr fontId="4"/>
  </si>
  <si>
    <t>日祝</t>
    <rPh sb="0" eb="1">
      <t>ニチ</t>
    </rPh>
    <rPh sb="1" eb="2">
      <t>シュク</t>
    </rPh>
    <phoneticPr fontId="4"/>
  </si>
  <si>
    <r>
      <t xml:space="preserve">就労時間
</t>
    </r>
    <r>
      <rPr>
        <sz val="12"/>
        <rFont val="ＭＳ Ｐゴシック"/>
        <family val="3"/>
        <charset val="128"/>
      </rPr>
      <t>(変則就労の場合)</t>
    </r>
    <phoneticPr fontId="4"/>
  </si>
  <si>
    <t>合計時間</t>
    <rPh sb="0" eb="2">
      <t>ゴウケイ</t>
    </rPh>
    <rPh sb="2" eb="4">
      <t>ジカン</t>
    </rPh>
    <phoneticPr fontId="4"/>
  </si>
  <si>
    <r>
      <t>（</t>
    </r>
    <r>
      <rPr>
        <sz val="12"/>
        <color theme="1"/>
        <rFont val="ＭＳ Ｐゴシック"/>
        <family val="3"/>
        <charset val="128"/>
      </rPr>
      <t>うち休憩時間</t>
    </r>
    <rPh sb="3" eb="5">
      <t>キュウケイ</t>
    </rPh>
    <rPh sb="5" eb="7">
      <t>ジカン</t>
    </rPh>
    <phoneticPr fontId="4"/>
  </si>
  <si>
    <t>就労日数</t>
    <phoneticPr fontId="4"/>
  </si>
  <si>
    <t>主な就労時間帯
・シフト時間帯</t>
    <rPh sb="0" eb="1">
      <t>オモ</t>
    </rPh>
    <rPh sb="2" eb="4">
      <t>シュウロウ</t>
    </rPh>
    <rPh sb="4" eb="6">
      <t>ジカン</t>
    </rPh>
    <rPh sb="6" eb="7">
      <t>タイ</t>
    </rPh>
    <rPh sb="12" eb="14">
      <t>ジカン</t>
    </rPh>
    <rPh sb="14" eb="15">
      <t>タイ</t>
    </rPh>
    <phoneticPr fontId="4"/>
  </si>
  <si>
    <t>時</t>
    <rPh sb="0" eb="1">
      <t>トキ</t>
    </rPh>
    <phoneticPr fontId="4"/>
  </si>
  <si>
    <r>
      <t xml:space="preserve">就労実績
</t>
    </r>
    <r>
      <rPr>
        <sz val="9"/>
        <color theme="1"/>
        <rFont val="ＭＳ Ｐゴシック"/>
        <family val="3"/>
        <charset val="128"/>
      </rPr>
      <t>※日数に有給休暇を含み、
時間数に休憩・残業時間を含む</t>
    </r>
    <rPh sb="0" eb="2">
      <t>シュウロウ</t>
    </rPh>
    <rPh sb="2" eb="4">
      <t>ジッセキ</t>
    </rPh>
    <rPh sb="6" eb="8">
      <t>ニッスウ</t>
    </rPh>
    <rPh sb="14" eb="15">
      <t>フク</t>
    </rPh>
    <rPh sb="18" eb="21">
      <t>ジカンスウ</t>
    </rPh>
    <rPh sb="22" eb="24">
      <t>キュウケイ</t>
    </rPh>
    <rPh sb="25" eb="27">
      <t>ザンギョウ</t>
    </rPh>
    <rPh sb="27" eb="29">
      <t>ジカン</t>
    </rPh>
    <phoneticPr fontId="4"/>
  </si>
  <si>
    <t>年月</t>
    <rPh sb="0" eb="2">
      <t>ネンゲツ</t>
    </rPh>
    <phoneticPr fontId="4"/>
  </si>
  <si>
    <t>日／月</t>
    <phoneticPr fontId="4"/>
  </si>
  <si>
    <t>時間／月</t>
    <rPh sb="0" eb="2">
      <t>ジカン</t>
    </rPh>
    <phoneticPr fontId="4"/>
  </si>
  <si>
    <r>
      <t xml:space="preserve">産前･産後休業の取得
</t>
    </r>
    <r>
      <rPr>
        <sz val="11"/>
        <color theme="1"/>
        <rFont val="ＭＳ Ｐゴシック"/>
        <family val="3"/>
        <charset val="128"/>
      </rPr>
      <t>※取得予定を含む</t>
    </r>
    <rPh sb="0" eb="2">
      <t>サンゼン</t>
    </rPh>
    <rPh sb="3" eb="5">
      <t>サンゴ</t>
    </rPh>
    <rPh sb="5" eb="7">
      <t>キュウギョウ</t>
    </rPh>
    <rPh sb="12" eb="14">
      <t>シュトク</t>
    </rPh>
    <rPh sb="14" eb="16">
      <t>ヨテイ</t>
    </rPh>
    <rPh sb="17" eb="18">
      <t>フク</t>
    </rPh>
    <phoneticPr fontId="4"/>
  </si>
  <si>
    <t>□</t>
    <phoneticPr fontId="4"/>
  </si>
  <si>
    <t>取得予定</t>
    <rPh sb="0" eb="4">
      <t>シュトクヨテイ</t>
    </rPh>
    <phoneticPr fontId="4"/>
  </si>
  <si>
    <t>取得中</t>
    <rPh sb="0" eb="3">
      <t>シュトクチュウ</t>
    </rPh>
    <phoneticPr fontId="4"/>
  </si>
  <si>
    <t>期間</t>
    <rPh sb="0" eb="2">
      <t>キカン</t>
    </rPh>
    <phoneticPr fontId="4"/>
  </si>
  <si>
    <t>～</t>
  </si>
  <si>
    <r>
      <t xml:space="preserve">育児休業の取得
</t>
    </r>
    <r>
      <rPr>
        <sz val="11"/>
        <color theme="1"/>
        <rFont val="ＭＳ Ｐゴシック"/>
        <family val="3"/>
        <charset val="128"/>
      </rPr>
      <t>※取得予定を含む</t>
    </r>
    <rPh sb="0" eb="2">
      <t>イクジ</t>
    </rPh>
    <rPh sb="2" eb="4">
      <t>キュウギョウ</t>
    </rPh>
    <rPh sb="5" eb="7">
      <t>シュトク</t>
    </rPh>
    <rPh sb="9" eb="11">
      <t>シュトク</t>
    </rPh>
    <rPh sb="11" eb="13">
      <t>ヨテイ</t>
    </rPh>
    <rPh sb="14" eb="15">
      <t>フク</t>
    </rPh>
    <phoneticPr fontId="4"/>
  </si>
  <si>
    <t>取得済み</t>
    <rPh sb="0" eb="3">
      <t>シュトクズ</t>
    </rPh>
    <phoneticPr fontId="4"/>
  </si>
  <si>
    <t>産休・育休以外の休業の
取得</t>
    <rPh sb="0" eb="2">
      <t>サンキュウ</t>
    </rPh>
    <rPh sb="3" eb="5">
      <t>イクキュウ</t>
    </rPh>
    <rPh sb="5" eb="7">
      <t>イガイ</t>
    </rPh>
    <rPh sb="8" eb="10">
      <t>キュウギョウ</t>
    </rPh>
    <rPh sb="12" eb="14">
      <t>シュトク</t>
    </rPh>
    <phoneticPr fontId="4"/>
  </si>
  <si>
    <t>理由</t>
    <rPh sb="0" eb="2">
      <t>リユウ</t>
    </rPh>
    <phoneticPr fontId="4"/>
  </si>
  <si>
    <t>介護休業</t>
    <rPh sb="0" eb="2">
      <t>カイゴ</t>
    </rPh>
    <rPh sb="2" eb="4">
      <t>キュウギョウ</t>
    </rPh>
    <phoneticPr fontId="4"/>
  </si>
  <si>
    <t>病休</t>
    <rPh sb="0" eb="2">
      <t>ビョウキュウ</t>
    </rPh>
    <phoneticPr fontId="4"/>
  </si>
  <si>
    <t>その他（</t>
    <rPh sb="2" eb="3">
      <t>タ</t>
    </rPh>
    <phoneticPr fontId="4"/>
  </si>
  <si>
    <t>復職（予定）年月日</t>
    <rPh sb="0" eb="2">
      <t>フクショク</t>
    </rPh>
    <rPh sb="3" eb="5">
      <t>ヨテイ</t>
    </rPh>
    <rPh sb="6" eb="9">
      <t>ネンガッピ</t>
    </rPh>
    <phoneticPr fontId="4"/>
  </si>
  <si>
    <t>復職予定</t>
    <rPh sb="0" eb="4">
      <t>フクショクヨテイ</t>
    </rPh>
    <phoneticPr fontId="4"/>
  </si>
  <si>
    <t>復職済み</t>
    <rPh sb="0" eb="3">
      <t>フクショクズ</t>
    </rPh>
    <phoneticPr fontId="4"/>
  </si>
  <si>
    <r>
      <t xml:space="preserve">育児のための短時間
勤務制度利用有無
</t>
    </r>
    <r>
      <rPr>
        <sz val="11"/>
        <color theme="1"/>
        <rFont val="ＭＳ Ｐゴシック"/>
        <family val="3"/>
        <charset val="128"/>
      </rPr>
      <t>※取得予定を含む</t>
    </r>
    <rPh sb="0" eb="2">
      <t>イクジ</t>
    </rPh>
    <rPh sb="6" eb="7">
      <t>タン</t>
    </rPh>
    <rPh sb="7" eb="9">
      <t>ジカン</t>
    </rPh>
    <rPh sb="10" eb="12">
      <t>キンム</t>
    </rPh>
    <rPh sb="12" eb="14">
      <t>セイド</t>
    </rPh>
    <rPh sb="14" eb="16">
      <t>リヨウ</t>
    </rPh>
    <rPh sb="16" eb="18">
      <t>ウム</t>
    </rPh>
    <rPh sb="20" eb="22">
      <t>シュトク</t>
    </rPh>
    <rPh sb="22" eb="24">
      <t>ヨテイ</t>
    </rPh>
    <rPh sb="25" eb="26">
      <t>フク</t>
    </rPh>
    <phoneticPr fontId="4"/>
  </si>
  <si>
    <t>保育士等としての勤務実態の有無</t>
    <phoneticPr fontId="4"/>
  </si>
  <si>
    <t>有</t>
    <rPh sb="0" eb="1">
      <t>ア</t>
    </rPh>
    <phoneticPr fontId="4"/>
  </si>
  <si>
    <t>有（予定）</t>
    <rPh sb="0" eb="1">
      <t>ア</t>
    </rPh>
    <rPh sb="2" eb="4">
      <t>ヨテイ</t>
    </rPh>
    <phoneticPr fontId="4"/>
  </si>
  <si>
    <t>無</t>
    <rPh sb="0" eb="1">
      <t>ナ</t>
    </rPh>
    <phoneticPr fontId="4"/>
  </si>
  <si>
    <t>（雇用契約の）満了後の
更新の有無</t>
    <phoneticPr fontId="4"/>
  </si>
  <si>
    <t>未定</t>
    <rPh sb="0" eb="2">
      <t>ミテイ</t>
    </rPh>
    <phoneticPr fontId="4"/>
  </si>
  <si>
    <t>入所内定時育休短縮可否</t>
    <rPh sb="0" eb="2">
      <t>ニュウショ</t>
    </rPh>
    <rPh sb="2" eb="5">
      <t>ナイテイジ</t>
    </rPh>
    <rPh sb="5" eb="7">
      <t>イクキュウ</t>
    </rPh>
    <rPh sb="7" eb="11">
      <t>タンシュクカヒ</t>
    </rPh>
    <phoneticPr fontId="4"/>
  </si>
  <si>
    <t>可</t>
  </si>
  <si>
    <t>可（予定）</t>
  </si>
  <si>
    <t>否</t>
  </si>
  <si>
    <t>育休延長可否</t>
    <rPh sb="0" eb="2">
      <t>イクキュウ</t>
    </rPh>
    <rPh sb="2" eb="6">
      <t>エンチョウカヒ</t>
    </rPh>
    <phoneticPr fontId="4"/>
  </si>
  <si>
    <t>単身赴任期間（予定含む）</t>
    <phoneticPr fontId="4"/>
  </si>
  <si>
    <t>備考欄</t>
    <rPh sb="0" eb="2">
      <t>ビコウ</t>
    </rPh>
    <rPh sb="2" eb="3">
      <t>ラン</t>
    </rPh>
    <phoneticPr fontId="4"/>
  </si>
  <si>
    <t>保護者記載欄</t>
    <rPh sb="0" eb="3">
      <t>ホゴシャ</t>
    </rPh>
    <rPh sb="3" eb="6">
      <t>キサイラン</t>
    </rPh>
    <phoneticPr fontId="4"/>
  </si>
  <si>
    <t>児童名</t>
  </si>
  <si>
    <t>生年月日</t>
    <rPh sb="0" eb="4">
      <t>セイネンガッピ</t>
    </rPh>
    <phoneticPr fontId="4"/>
  </si>
  <si>
    <t>施設名</t>
    <rPh sb="0" eb="2">
      <t>シセツ</t>
    </rPh>
    <rPh sb="2" eb="3">
      <t>メイ</t>
    </rPh>
    <phoneticPr fontId="4"/>
  </si>
  <si>
    <t>利用中</t>
  </si>
  <si>
    <t>申込中（第一希望）</t>
  </si>
  <si>
    <t>児童名</t>
    <rPh sb="0" eb="3">
      <t>ジドウメイ</t>
    </rPh>
    <phoneticPr fontId="4"/>
  </si>
  <si>
    <t>沖縄市長</t>
    <rPh sb="0" eb="4">
      <t>オキナワシチョ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6" formatCode="&quot;¥&quot;#,##0;[Red]&quot;¥&quot;\-#,##0"/>
    <numFmt numFmtId="176" formatCode="0_);[Red]\(0\)"/>
    <numFmt numFmtId="177" formatCode="0.00_ "/>
    <numFmt numFmtId="178" formatCode="0_ "/>
  </numFmts>
  <fonts count="29" x14ac:knownFonts="1">
    <font>
      <sz val="11"/>
      <color theme="1"/>
      <name val="游ゴシック"/>
      <family val="2"/>
      <charset val="128"/>
      <scheme val="minor"/>
    </font>
    <font>
      <sz val="11"/>
      <color theme="1"/>
      <name val="游ゴシック"/>
      <family val="2"/>
      <charset val="128"/>
      <scheme val="minor"/>
    </font>
    <font>
      <u/>
      <sz val="11"/>
      <color theme="10"/>
      <name val="游ゴシック"/>
      <family val="2"/>
      <charset val="128"/>
      <scheme val="minor"/>
    </font>
    <font>
      <b/>
      <sz val="22"/>
      <name val="ＭＳ Ｐゴシック"/>
      <family val="3"/>
      <charset val="128"/>
    </font>
    <font>
      <sz val="6"/>
      <name val="游ゴシック"/>
      <family val="2"/>
      <charset val="128"/>
      <scheme val="minor"/>
    </font>
    <font>
      <b/>
      <sz val="12"/>
      <name val="ＭＳ Ｐゴシック"/>
      <family val="3"/>
      <charset val="128"/>
    </font>
    <font>
      <sz val="16"/>
      <name val="ＭＳ Ｐゴシック"/>
      <family val="3"/>
      <charset val="128"/>
    </font>
    <font>
      <sz val="14"/>
      <name val="ＭＳ Ｐゴシック"/>
      <family val="3"/>
      <charset val="128"/>
    </font>
    <font>
      <sz val="11"/>
      <name val="ＭＳ Ｐゴシック"/>
      <family val="3"/>
      <charset val="128"/>
    </font>
    <font>
      <sz val="14"/>
      <color indexed="8"/>
      <name val="ＭＳ Ｐゴシック"/>
      <family val="3"/>
      <charset val="128"/>
    </font>
    <font>
      <b/>
      <sz val="14"/>
      <name val="ＭＳ Ｐゴシック"/>
      <family val="3"/>
      <charset val="128"/>
    </font>
    <font>
      <b/>
      <sz val="18"/>
      <name val="ＭＳ Ｐゴシック"/>
      <family val="3"/>
      <charset val="128"/>
    </font>
    <font>
      <b/>
      <sz val="18"/>
      <color indexed="8"/>
      <name val="ＭＳ Ｐゴシック"/>
      <family val="3"/>
      <charset val="128"/>
    </font>
    <font>
      <b/>
      <u val="double"/>
      <sz val="14"/>
      <color rgb="FFFF0000"/>
      <name val="ＭＳ Ｐゴシック"/>
      <family val="3"/>
      <charset val="128"/>
    </font>
    <font>
      <sz val="12"/>
      <name val="ＭＳ Ｐゴシック"/>
      <family val="3"/>
      <charset val="128"/>
    </font>
    <font>
      <sz val="12"/>
      <color indexed="8"/>
      <name val="ＭＳ Ｐゴシック"/>
      <family val="3"/>
      <charset val="128"/>
    </font>
    <font>
      <sz val="14"/>
      <color theme="1"/>
      <name val="ＭＳ Ｐゴシック"/>
      <family val="3"/>
      <charset val="128"/>
    </font>
    <font>
      <sz val="10"/>
      <color theme="1"/>
      <name val="ＭＳ Ｐゴシック"/>
      <family val="3"/>
      <charset val="128"/>
    </font>
    <font>
      <sz val="12"/>
      <color theme="1"/>
      <name val="ＭＳ Ｐゴシック"/>
      <family val="3"/>
      <charset val="128"/>
    </font>
    <font>
      <sz val="12"/>
      <color rgb="FF000000"/>
      <name val="ＭＳ Ｐゴシック"/>
      <family val="3"/>
      <charset val="128"/>
    </font>
    <font>
      <sz val="14"/>
      <color rgb="FF0070C0"/>
      <name val="ＭＳ Ｐゴシック"/>
      <family val="3"/>
      <charset val="128"/>
    </font>
    <font>
      <sz val="9"/>
      <color theme="1"/>
      <name val="ＭＳ Ｐゴシック"/>
      <family val="3"/>
      <charset val="128"/>
    </font>
    <font>
      <sz val="11"/>
      <color theme="1"/>
      <name val="ＭＳ Ｐゴシック"/>
      <family val="3"/>
      <charset val="128"/>
    </font>
    <font>
      <sz val="18"/>
      <color theme="1"/>
      <name val="ＭＳ Ｐゴシック"/>
      <family val="3"/>
      <charset val="128"/>
    </font>
    <font>
      <sz val="14"/>
      <color rgb="FF000000"/>
      <name val="ＭＳ Ｐゴシック"/>
      <family val="3"/>
      <charset val="128"/>
    </font>
    <font>
      <sz val="18"/>
      <name val="ＭＳ Ｐゴシック"/>
      <family val="3"/>
      <charset val="128"/>
    </font>
    <font>
      <sz val="14"/>
      <color theme="1"/>
      <name val="游ゴシック"/>
      <family val="3"/>
      <charset val="128"/>
      <scheme val="minor"/>
    </font>
    <font>
      <sz val="12"/>
      <color theme="1"/>
      <name val="游ゴシック"/>
      <family val="2"/>
      <charset val="128"/>
      <scheme val="minor"/>
    </font>
    <font>
      <sz val="12"/>
      <color theme="1"/>
      <name val="游ゴシック"/>
      <family val="3"/>
      <charset val="128"/>
      <scheme val="minor"/>
    </font>
  </fonts>
  <fills count="5">
    <fill>
      <patternFill patternType="none"/>
    </fill>
    <fill>
      <patternFill patternType="gray125"/>
    </fill>
    <fill>
      <patternFill patternType="solid">
        <fgColor rgb="FFFFFFFF"/>
        <bgColor indexed="64"/>
      </patternFill>
    </fill>
    <fill>
      <patternFill patternType="solid">
        <fgColor rgb="FFFFFFF0"/>
        <bgColor indexed="64"/>
      </patternFill>
    </fill>
    <fill>
      <patternFill patternType="solid">
        <fgColor theme="0"/>
        <bgColor indexed="64"/>
      </patternFill>
    </fill>
  </fills>
  <borders count="71">
    <border>
      <left/>
      <right/>
      <top/>
      <bottom/>
      <diagonal/>
    </border>
    <border>
      <left/>
      <right/>
      <top/>
      <bottom style="thin">
        <color auto="1"/>
      </bottom>
      <diagonal/>
    </border>
    <border>
      <left/>
      <right/>
      <top/>
      <bottom style="thin">
        <color indexed="8"/>
      </bottom>
      <diagonal/>
    </border>
    <border>
      <left/>
      <right/>
      <top style="thin">
        <color indexed="8"/>
      </top>
      <bottom style="thin">
        <color indexed="8"/>
      </bottom>
      <diagonal/>
    </border>
    <border>
      <left/>
      <right/>
      <top style="thin">
        <color indexed="8"/>
      </top>
      <bottom/>
      <diagonal/>
    </border>
    <border>
      <left style="medium">
        <color indexed="64"/>
      </left>
      <right style="medium">
        <color indexed="64"/>
      </right>
      <top style="medium">
        <color indexed="64"/>
      </top>
      <bottom style="medium">
        <color indexed="64"/>
      </bottom>
      <diagonal/>
    </border>
    <border>
      <left style="medium">
        <color auto="1"/>
      </left>
      <right style="thin">
        <color auto="1"/>
      </right>
      <top style="medium">
        <color auto="1"/>
      </top>
      <bottom style="medium">
        <color auto="1"/>
      </bottom>
      <diagonal/>
    </border>
    <border>
      <left style="thin">
        <color auto="1"/>
      </left>
      <right style="thin">
        <color auto="1"/>
      </right>
      <top style="medium">
        <color auto="1"/>
      </top>
      <bottom style="medium">
        <color auto="1"/>
      </bottom>
      <diagonal/>
    </border>
    <border>
      <left style="thin">
        <color auto="1"/>
      </left>
      <right style="medium">
        <color auto="1"/>
      </right>
      <top style="medium">
        <color auto="1"/>
      </top>
      <bottom style="medium">
        <color auto="1"/>
      </bottom>
      <diagonal/>
    </border>
    <border>
      <left style="thin">
        <color indexed="64"/>
      </left>
      <right/>
      <top style="medium">
        <color auto="1"/>
      </top>
      <bottom style="medium">
        <color auto="1"/>
      </bottom>
      <diagonal/>
    </border>
    <border>
      <left style="medium">
        <color indexed="64"/>
      </left>
      <right/>
      <top/>
      <bottom/>
      <diagonal/>
    </border>
    <border>
      <left style="medium">
        <color indexed="64"/>
      </left>
      <right style="medium">
        <color indexed="64"/>
      </right>
      <top style="medium">
        <color indexed="64"/>
      </top>
      <bottom/>
      <diagonal/>
    </border>
    <border>
      <left style="medium">
        <color indexed="64"/>
      </left>
      <right/>
      <top style="medium">
        <color indexed="64"/>
      </top>
      <bottom/>
      <diagonal/>
    </border>
    <border>
      <left/>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auto="1"/>
      </left>
      <right/>
      <top/>
      <bottom style="medium">
        <color auto="1"/>
      </bottom>
      <diagonal/>
    </border>
    <border>
      <left/>
      <right/>
      <top/>
      <bottom style="medium">
        <color auto="1"/>
      </bottom>
      <diagonal/>
    </border>
    <border>
      <left/>
      <right style="medium">
        <color indexed="64"/>
      </right>
      <top style="medium">
        <color indexed="64"/>
      </top>
      <bottom/>
      <diagonal/>
    </border>
    <border>
      <left style="medium">
        <color auto="1"/>
      </left>
      <right/>
      <top/>
      <bottom style="hair">
        <color indexed="64"/>
      </bottom>
      <diagonal/>
    </border>
    <border>
      <left/>
      <right/>
      <top/>
      <bottom style="hair">
        <color indexed="64"/>
      </bottom>
      <diagonal/>
    </border>
    <border>
      <left/>
      <right style="thin">
        <color indexed="64"/>
      </right>
      <top/>
      <bottom style="hair">
        <color indexed="64"/>
      </bottom>
      <diagonal/>
    </border>
    <border>
      <left style="thin">
        <color indexed="64"/>
      </left>
      <right/>
      <top/>
      <bottom/>
      <diagonal/>
    </border>
    <border>
      <left/>
      <right/>
      <top style="medium">
        <color indexed="64"/>
      </top>
      <bottom style="thin">
        <color indexed="64"/>
      </bottom>
      <diagonal/>
    </border>
    <border>
      <left style="medium">
        <color auto="1"/>
      </left>
      <right/>
      <top style="hair">
        <color indexed="64"/>
      </top>
      <bottom style="medium">
        <color auto="1"/>
      </bottom>
      <diagonal/>
    </border>
    <border>
      <left/>
      <right/>
      <top style="hair">
        <color indexed="64"/>
      </top>
      <bottom style="medium">
        <color auto="1"/>
      </bottom>
      <diagonal/>
    </border>
    <border>
      <left/>
      <right style="medium">
        <color auto="1"/>
      </right>
      <top style="hair">
        <color indexed="64"/>
      </top>
      <bottom style="medium">
        <color auto="1"/>
      </bottom>
      <diagonal/>
    </border>
    <border>
      <left style="thin">
        <color auto="1"/>
      </left>
      <right/>
      <top style="thin">
        <color indexed="8"/>
      </top>
      <bottom style="medium">
        <color auto="1"/>
      </bottom>
      <diagonal/>
    </border>
    <border>
      <left/>
      <right/>
      <top style="thin">
        <color indexed="8"/>
      </top>
      <bottom style="medium">
        <color auto="1"/>
      </bottom>
      <diagonal/>
    </border>
    <border>
      <left/>
      <right style="thin">
        <color indexed="64"/>
      </right>
      <top style="medium">
        <color indexed="64"/>
      </top>
      <bottom style="thin">
        <color indexed="64"/>
      </bottom>
      <diagonal/>
    </border>
    <border>
      <left style="thin">
        <color auto="1"/>
      </left>
      <right/>
      <top style="medium">
        <color auto="1"/>
      </top>
      <bottom style="thin">
        <color auto="1"/>
      </bottom>
      <diagonal/>
    </border>
    <border>
      <left/>
      <right/>
      <top style="medium">
        <color indexed="64"/>
      </top>
      <bottom style="medium">
        <color indexed="64"/>
      </bottom>
      <diagonal/>
    </border>
    <border>
      <left style="medium">
        <color auto="1"/>
      </left>
      <right/>
      <top style="medium">
        <color auto="1"/>
      </top>
      <bottom style="thin">
        <color auto="1"/>
      </bottom>
      <diagonal/>
    </border>
    <border>
      <left/>
      <right style="medium">
        <color auto="1"/>
      </right>
      <top/>
      <bottom style="medium">
        <color auto="1"/>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auto="1"/>
      </left>
      <right style="thin">
        <color auto="1"/>
      </right>
      <top style="medium">
        <color auto="1"/>
      </top>
      <bottom style="thin">
        <color auto="1"/>
      </bottom>
      <diagonal/>
    </border>
    <border>
      <left style="thin">
        <color auto="1"/>
      </left>
      <right style="thin">
        <color theme="1"/>
      </right>
      <top style="medium">
        <color auto="1"/>
      </top>
      <bottom style="thin">
        <color auto="1"/>
      </bottom>
      <diagonal/>
    </border>
    <border>
      <left style="thin">
        <color theme="1"/>
      </left>
      <right/>
      <top style="medium">
        <color auto="1"/>
      </top>
      <bottom/>
      <diagonal/>
    </border>
    <border>
      <left/>
      <right style="thin">
        <color indexed="8"/>
      </right>
      <top style="medium">
        <color auto="1"/>
      </top>
      <bottom/>
      <diagonal/>
    </border>
    <border>
      <left style="thin">
        <color indexed="8"/>
      </left>
      <right/>
      <top style="medium">
        <color auto="1"/>
      </top>
      <bottom/>
      <diagonal/>
    </border>
    <border>
      <left/>
      <right style="medium">
        <color indexed="64"/>
      </right>
      <top/>
      <bottom/>
      <diagonal/>
    </border>
    <border>
      <left style="medium">
        <color auto="1"/>
      </left>
      <right style="thin">
        <color auto="1"/>
      </right>
      <top/>
      <bottom style="thin">
        <color auto="1"/>
      </bottom>
      <diagonal/>
    </border>
    <border>
      <left style="thin">
        <color auto="1"/>
      </left>
      <right style="thin">
        <color auto="1"/>
      </right>
      <top/>
      <bottom style="thin">
        <color auto="1"/>
      </bottom>
      <diagonal/>
    </border>
    <border>
      <left style="thin">
        <color auto="1"/>
      </left>
      <right style="thin">
        <color theme="1"/>
      </right>
      <top/>
      <bottom style="thin">
        <color auto="1"/>
      </bottom>
      <diagonal/>
    </border>
    <border>
      <left style="thin">
        <color theme="1"/>
      </left>
      <right/>
      <top/>
      <bottom style="thin">
        <color auto="1"/>
      </bottom>
      <diagonal/>
    </border>
    <border>
      <left/>
      <right style="thin">
        <color indexed="8"/>
      </right>
      <top/>
      <bottom style="thin">
        <color auto="1"/>
      </bottom>
      <diagonal/>
    </border>
    <border>
      <left style="thin">
        <color indexed="8"/>
      </left>
      <right/>
      <top/>
      <bottom style="thin">
        <color auto="1"/>
      </bottom>
      <diagonal/>
    </border>
    <border>
      <left/>
      <right style="medium">
        <color auto="1"/>
      </right>
      <top/>
      <bottom style="thin">
        <color auto="1"/>
      </bottom>
      <diagonal/>
    </border>
    <border>
      <left style="medium">
        <color auto="1"/>
      </left>
      <right/>
      <top style="thin">
        <color auto="1"/>
      </top>
      <bottom style="thin">
        <color auto="1"/>
      </bottom>
      <diagonal/>
    </border>
    <border>
      <left/>
      <right/>
      <top style="thin">
        <color auto="1"/>
      </top>
      <bottom style="thin">
        <color indexed="64"/>
      </bottom>
      <diagonal/>
    </border>
    <border>
      <left/>
      <right style="thin">
        <color auto="1"/>
      </right>
      <top style="thin">
        <color auto="1"/>
      </top>
      <bottom style="thin">
        <color auto="1"/>
      </bottom>
      <diagonal/>
    </border>
    <border>
      <left style="thin">
        <color auto="1"/>
      </left>
      <right/>
      <top style="thin">
        <color auto="1"/>
      </top>
      <bottom style="thin">
        <color auto="1"/>
      </bottom>
      <diagonal/>
    </border>
    <border>
      <left style="thin">
        <color auto="1"/>
      </left>
      <right/>
      <top/>
      <bottom style="thin">
        <color auto="1"/>
      </bottom>
      <diagonal/>
    </border>
    <border>
      <left/>
      <right style="medium">
        <color auto="1"/>
      </right>
      <top style="thin">
        <color auto="1"/>
      </top>
      <bottom style="thin">
        <color indexed="64"/>
      </bottom>
      <diagonal/>
    </border>
    <border>
      <left style="medium">
        <color auto="1"/>
      </left>
      <right/>
      <top style="thin">
        <color auto="1"/>
      </top>
      <bottom/>
      <diagonal/>
    </border>
    <border>
      <left/>
      <right/>
      <top style="thin">
        <color auto="1"/>
      </top>
      <bottom/>
      <diagonal/>
    </border>
    <border>
      <left style="medium">
        <color auto="1"/>
      </left>
      <right/>
      <top style="thin">
        <color auto="1"/>
      </top>
      <bottom style="medium">
        <color auto="1"/>
      </bottom>
      <diagonal/>
    </border>
    <border>
      <left/>
      <right/>
      <top style="thin">
        <color auto="1"/>
      </top>
      <bottom style="medium">
        <color auto="1"/>
      </bottom>
      <diagonal/>
    </border>
    <border>
      <left style="thin">
        <color indexed="8"/>
      </left>
      <right/>
      <top style="thin">
        <color auto="1"/>
      </top>
      <bottom style="medium">
        <color auto="1"/>
      </bottom>
      <diagonal/>
    </border>
    <border>
      <left/>
      <right style="medium">
        <color auto="1"/>
      </right>
      <top style="thin">
        <color auto="1"/>
      </top>
      <bottom style="medium">
        <color auto="1"/>
      </bottom>
      <diagonal/>
    </border>
    <border>
      <left/>
      <right style="medium">
        <color auto="1"/>
      </right>
      <top style="medium">
        <color auto="1"/>
      </top>
      <bottom style="thin">
        <color auto="1"/>
      </bottom>
      <diagonal/>
    </border>
    <border>
      <left/>
      <right style="thin">
        <color auto="1"/>
      </right>
      <top style="thin">
        <color auto="1"/>
      </top>
      <bottom style="medium">
        <color auto="1"/>
      </bottom>
      <diagonal/>
    </border>
    <border>
      <left style="thin">
        <color auto="1"/>
      </left>
      <right/>
      <top style="thin">
        <color auto="1"/>
      </top>
      <bottom style="medium">
        <color auto="1"/>
      </bottom>
      <diagonal/>
    </border>
    <border>
      <left style="medium">
        <color indexed="64"/>
      </left>
      <right/>
      <top style="medium">
        <color indexed="64"/>
      </top>
      <bottom style="medium">
        <color indexed="64"/>
      </bottom>
      <diagonal/>
    </border>
    <border>
      <left style="thin">
        <color auto="1"/>
      </left>
      <right/>
      <top style="medium">
        <color auto="1"/>
      </top>
      <bottom/>
      <diagonal/>
    </border>
    <border>
      <left/>
      <right style="thin">
        <color auto="1"/>
      </right>
      <top style="medium">
        <color auto="1"/>
      </top>
      <bottom/>
      <diagonal/>
    </border>
    <border>
      <left style="medium">
        <color indexed="64"/>
      </left>
      <right style="medium">
        <color indexed="64"/>
      </right>
      <top style="thin">
        <color rgb="FF000000"/>
      </top>
      <bottom style="medium">
        <color indexed="64"/>
      </bottom>
      <diagonal/>
    </border>
    <border>
      <left/>
      <right/>
      <top style="thin">
        <color rgb="FF000000"/>
      </top>
      <bottom style="medium">
        <color auto="1"/>
      </bottom>
      <diagonal/>
    </border>
    <border>
      <left/>
      <right style="medium">
        <color indexed="64"/>
      </right>
      <top style="thin">
        <color rgb="FF000000"/>
      </top>
      <bottom style="medium">
        <color indexed="64"/>
      </bottom>
      <diagonal/>
    </border>
    <border>
      <left style="medium">
        <color indexed="64"/>
      </left>
      <right/>
      <top style="thin">
        <color rgb="FF000000"/>
      </top>
      <bottom style="medium">
        <color indexed="64"/>
      </bottom>
      <diagonal/>
    </border>
  </borders>
  <cellStyleXfs count="3">
    <xf numFmtId="0" fontId="0" fillId="0" borderId="0">
      <alignment vertical="center"/>
    </xf>
    <xf numFmtId="6" fontId="1" fillId="0" borderId="0" applyFont="0" applyFill="0" applyBorder="0" applyAlignment="0" applyProtection="0">
      <alignment vertical="center"/>
    </xf>
    <xf numFmtId="0" fontId="2" fillId="0" borderId="0" applyNumberFormat="0" applyFill="0" applyBorder="0" applyAlignment="0" applyProtection="0">
      <alignment vertical="center"/>
    </xf>
  </cellStyleXfs>
  <cellXfs count="344">
    <xf numFmtId="0" fontId="0" fillId="0" borderId="0" xfId="0">
      <alignment vertical="center"/>
    </xf>
    <xf numFmtId="0" fontId="3" fillId="0" borderId="0" xfId="0" applyFont="1" applyAlignment="1">
      <alignment horizontal="center" vertical="center"/>
    </xf>
    <xf numFmtId="0" fontId="5" fillId="0" borderId="0" xfId="0" applyFont="1" applyAlignment="1">
      <alignment horizontal="center" vertical="center"/>
    </xf>
    <xf numFmtId="0" fontId="6" fillId="0" borderId="1" xfId="0" applyFont="1" applyBorder="1" applyAlignment="1" applyProtection="1">
      <alignment horizontal="center" vertical="center"/>
      <protection locked="0"/>
    </xf>
    <xf numFmtId="0" fontId="7" fillId="0" borderId="1" xfId="0" applyFont="1" applyBorder="1">
      <alignment vertical="center"/>
    </xf>
    <xf numFmtId="0" fontId="8" fillId="0" borderId="0" xfId="0" applyFont="1" applyAlignment="1">
      <alignment horizontal="center" vertical="center"/>
    </xf>
    <xf numFmtId="0" fontId="7" fillId="0" borderId="0" xfId="2" applyFont="1" applyFill="1" applyBorder="1" applyAlignment="1" applyProtection="1">
      <alignment horizontal="center" vertical="center"/>
    </xf>
    <xf numFmtId="0" fontId="9" fillId="2" borderId="2" xfId="2" applyFont="1" applyFill="1" applyBorder="1" applyAlignment="1" applyProtection="1">
      <alignment vertical="center"/>
    </xf>
    <xf numFmtId="0" fontId="9" fillId="2" borderId="2" xfId="2" applyFont="1" applyFill="1" applyBorder="1" applyAlignment="1" applyProtection="1">
      <alignment horizontal="center" vertical="center"/>
    </xf>
    <xf numFmtId="0" fontId="9" fillId="3" borderId="2" xfId="2" applyFont="1" applyFill="1" applyBorder="1" applyAlignment="1" applyProtection="1">
      <alignment horizontal="center" vertical="center"/>
    </xf>
    <xf numFmtId="176" fontId="9" fillId="3" borderId="2" xfId="0" applyNumberFormat="1" applyFont="1" applyFill="1" applyBorder="1" applyAlignment="1" applyProtection="1">
      <alignment horizontal="center" vertical="center"/>
      <protection locked="0"/>
    </xf>
    <xf numFmtId="0" fontId="0" fillId="0" borderId="2" xfId="0" applyBorder="1" applyAlignment="1">
      <alignment horizontal="center" vertical="center"/>
    </xf>
    <xf numFmtId="0" fontId="9" fillId="4" borderId="2" xfId="0" applyFont="1" applyFill="1" applyBorder="1" applyAlignment="1">
      <alignment horizontal="center" vertical="center"/>
    </xf>
    <xf numFmtId="0" fontId="9" fillId="4" borderId="2" xfId="0" applyFont="1" applyFill="1" applyBorder="1" applyAlignment="1">
      <alignment horizontal="left" vertical="center"/>
    </xf>
    <xf numFmtId="0" fontId="9" fillId="2" borderId="3" xfId="2" applyFont="1" applyFill="1" applyBorder="1" applyAlignment="1" applyProtection="1">
      <alignment horizontal="left" vertical="center"/>
    </xf>
    <xf numFmtId="0" fontId="9" fillId="3" borderId="3" xfId="2" applyFont="1" applyFill="1" applyBorder="1" applyAlignment="1" applyProtection="1">
      <alignment horizontal="left" vertical="center"/>
      <protection locked="0"/>
    </xf>
    <xf numFmtId="0" fontId="9" fillId="0" borderId="0" xfId="0" applyFont="1" applyAlignment="1" applyProtection="1">
      <alignment horizontal="left" vertical="center" shrinkToFit="1"/>
      <protection locked="0"/>
    </xf>
    <xf numFmtId="0" fontId="7" fillId="0" borderId="0" xfId="0" applyFont="1" applyAlignment="1">
      <alignment horizontal="center" vertical="center"/>
    </xf>
    <xf numFmtId="0" fontId="9" fillId="0" borderId="0" xfId="0" applyFont="1" applyAlignment="1">
      <alignment horizontal="left" vertical="center"/>
    </xf>
    <xf numFmtId="0" fontId="9" fillId="0" borderId="0" xfId="0" applyFont="1" applyAlignment="1">
      <alignment horizontal="center" vertical="center"/>
    </xf>
    <xf numFmtId="0" fontId="9" fillId="0" borderId="0" xfId="0" applyFont="1" applyAlignment="1" applyProtection="1">
      <alignment horizontal="center" vertical="center"/>
      <protection locked="0"/>
    </xf>
    <xf numFmtId="0" fontId="9" fillId="0" borderId="0" xfId="0" applyFont="1" applyAlignment="1">
      <alignment horizontal="center" vertical="center"/>
    </xf>
    <xf numFmtId="0" fontId="9" fillId="2" borderId="3" xfId="2" applyFont="1" applyFill="1" applyBorder="1" applyAlignment="1" applyProtection="1">
      <alignment horizontal="left" vertical="center"/>
    </xf>
    <xf numFmtId="49" fontId="9" fillId="3" borderId="3" xfId="2" applyNumberFormat="1" applyFont="1" applyFill="1" applyBorder="1" applyAlignment="1" applyProtection="1">
      <alignment horizontal="center" vertical="center"/>
      <protection locked="0"/>
    </xf>
    <xf numFmtId="0" fontId="0" fillId="0" borderId="3" xfId="0" applyBorder="1" applyAlignment="1">
      <alignment horizontal="center" vertical="center"/>
    </xf>
    <xf numFmtId="0" fontId="9" fillId="2" borderId="3" xfId="2" applyFont="1" applyFill="1" applyBorder="1" applyAlignment="1" applyProtection="1">
      <alignment horizontal="center" vertical="center"/>
    </xf>
    <xf numFmtId="0" fontId="9" fillId="3" borderId="3" xfId="2" applyFont="1" applyFill="1" applyBorder="1" applyAlignment="1" applyProtection="1">
      <alignment horizontal="center" vertical="center"/>
    </xf>
    <xf numFmtId="0" fontId="0" fillId="3" borderId="3" xfId="0" applyFill="1" applyBorder="1" applyAlignment="1">
      <alignment horizontal="center" vertical="center"/>
    </xf>
    <xf numFmtId="0" fontId="9" fillId="0" borderId="0" xfId="0" applyFont="1" applyAlignment="1" applyProtection="1">
      <alignment horizontal="left" vertical="center"/>
      <protection locked="0"/>
    </xf>
    <xf numFmtId="0" fontId="9" fillId="2" borderId="4" xfId="2" applyFont="1" applyFill="1" applyBorder="1" applyAlignment="1" applyProtection="1">
      <alignment horizontal="left" vertical="center"/>
    </xf>
    <xf numFmtId="0" fontId="9" fillId="3" borderId="4" xfId="2" applyFont="1" applyFill="1" applyBorder="1" applyAlignment="1" applyProtection="1">
      <alignment horizontal="left" vertical="center"/>
      <protection locked="0"/>
    </xf>
    <xf numFmtId="49" fontId="9" fillId="0" borderId="0" xfId="2" applyNumberFormat="1" applyFont="1" applyFill="1" applyBorder="1" applyAlignment="1" applyProtection="1">
      <alignment horizontal="center" vertical="center"/>
      <protection locked="0"/>
    </xf>
    <xf numFmtId="0" fontId="9" fillId="0" borderId="0" xfId="2" applyFont="1" applyFill="1" applyBorder="1" applyAlignment="1" applyProtection="1">
      <alignment horizontal="center" vertical="center"/>
    </xf>
    <xf numFmtId="0" fontId="10" fillId="0" borderId="0" xfId="0" applyFont="1" applyAlignment="1">
      <alignment horizontal="left" vertical="center"/>
    </xf>
    <xf numFmtId="0" fontId="11" fillId="0" borderId="0" xfId="0" applyFont="1" applyAlignment="1">
      <alignment horizontal="center" vertical="center"/>
    </xf>
    <xf numFmtId="0" fontId="12" fillId="2" borderId="4" xfId="0" applyFont="1" applyFill="1" applyBorder="1" applyAlignment="1">
      <alignment horizontal="center" vertical="center"/>
    </xf>
    <xf numFmtId="0" fontId="13" fillId="0" borderId="0" xfId="0" applyFont="1" applyAlignment="1">
      <alignment horizontal="left" vertical="center"/>
    </xf>
    <xf numFmtId="0" fontId="7" fillId="0" borderId="5" xfId="0" applyFont="1" applyBorder="1" applyAlignment="1">
      <alignment horizontal="center" vertical="center"/>
    </xf>
    <xf numFmtId="0" fontId="7" fillId="0" borderId="6" xfId="0" applyFont="1" applyBorder="1" applyAlignment="1">
      <alignment horizontal="center" vertical="center"/>
    </xf>
    <xf numFmtId="0" fontId="7" fillId="0" borderId="7" xfId="0" applyFont="1" applyBorder="1" applyAlignment="1">
      <alignment horizontal="center" vertical="center"/>
    </xf>
    <xf numFmtId="0" fontId="7" fillId="0" borderId="8" xfId="0" applyFont="1" applyBorder="1" applyAlignment="1">
      <alignment horizontal="center" vertical="center"/>
    </xf>
    <xf numFmtId="0" fontId="7" fillId="0" borderId="9" xfId="0" applyFont="1" applyBorder="1" applyAlignment="1">
      <alignment horizontal="center" vertical="center"/>
    </xf>
    <xf numFmtId="0" fontId="0" fillId="0" borderId="10" xfId="0" applyBorder="1">
      <alignment vertical="center"/>
    </xf>
    <xf numFmtId="0" fontId="7" fillId="0" borderId="11" xfId="0" applyFont="1" applyBorder="1" applyAlignment="1">
      <alignment horizontal="center" vertical="center"/>
    </xf>
    <xf numFmtId="0" fontId="7" fillId="0" borderId="11" xfId="2" applyFont="1" applyBorder="1" applyAlignment="1" applyProtection="1">
      <alignment horizontal="center" vertical="center"/>
    </xf>
    <xf numFmtId="0" fontId="14" fillId="0" borderId="12" xfId="0" applyFont="1" applyBorder="1" applyAlignment="1">
      <alignment horizontal="right" vertical="center"/>
    </xf>
    <xf numFmtId="0" fontId="14" fillId="0" borderId="13" xfId="0" applyFont="1" applyBorder="1" applyAlignment="1">
      <alignment horizontal="left" vertical="center"/>
    </xf>
    <xf numFmtId="0" fontId="14" fillId="0" borderId="13" xfId="0" applyFont="1" applyBorder="1" applyAlignment="1">
      <alignment horizontal="right" vertical="center"/>
    </xf>
    <xf numFmtId="0" fontId="7" fillId="0" borderId="14" xfId="0" applyFont="1" applyBorder="1" applyAlignment="1">
      <alignment horizontal="center" vertical="center"/>
    </xf>
    <xf numFmtId="0" fontId="7" fillId="0" borderId="14" xfId="2" applyFont="1" applyBorder="1" applyAlignment="1" applyProtection="1">
      <alignment horizontal="center" vertical="center"/>
    </xf>
    <xf numFmtId="0" fontId="14" fillId="0" borderId="10" xfId="0" applyFont="1" applyBorder="1" applyAlignment="1">
      <alignment horizontal="right" vertical="center"/>
    </xf>
    <xf numFmtId="0" fontId="14" fillId="0" borderId="0" xfId="0" applyFont="1" applyAlignment="1">
      <alignment horizontal="left" vertical="center"/>
    </xf>
    <xf numFmtId="0" fontId="14" fillId="0" borderId="0" xfId="0" applyFont="1" applyAlignment="1">
      <alignment horizontal="right" vertical="center"/>
    </xf>
    <xf numFmtId="0" fontId="7" fillId="0" borderId="15" xfId="0" applyFont="1" applyBorder="1" applyAlignment="1">
      <alignment horizontal="center" vertical="center"/>
    </xf>
    <xf numFmtId="0" fontId="7" fillId="0" borderId="15" xfId="2" applyFont="1" applyBorder="1" applyAlignment="1" applyProtection="1">
      <alignment horizontal="center" vertical="center"/>
    </xf>
    <xf numFmtId="0" fontId="14" fillId="0" borderId="16" xfId="0" applyFont="1" applyBorder="1" applyAlignment="1">
      <alignment horizontal="right" vertical="center"/>
    </xf>
    <xf numFmtId="0" fontId="14" fillId="0" borderId="17" xfId="0" applyFont="1" applyBorder="1" applyAlignment="1">
      <alignment horizontal="left" vertical="center"/>
    </xf>
    <xf numFmtId="0" fontId="14" fillId="0" borderId="17" xfId="0" applyFont="1" applyBorder="1" applyAlignment="1">
      <alignment horizontal="right" vertical="center"/>
    </xf>
    <xf numFmtId="0" fontId="14" fillId="0" borderId="17" xfId="0" applyFont="1" applyBorder="1" applyAlignment="1" applyProtection="1">
      <alignment horizontal="left" vertical="center"/>
      <protection locked="0"/>
    </xf>
    <xf numFmtId="0" fontId="14" fillId="3" borderId="17" xfId="0" applyFont="1" applyFill="1" applyBorder="1" applyAlignment="1" applyProtection="1">
      <alignment horizontal="left" vertical="center"/>
      <protection locked="0"/>
    </xf>
    <xf numFmtId="0" fontId="7" fillId="0" borderId="12" xfId="0" applyFont="1" applyBorder="1" applyAlignment="1">
      <alignment horizontal="center" vertical="center" wrapText="1"/>
    </xf>
    <xf numFmtId="0" fontId="7" fillId="0" borderId="13" xfId="0" applyFont="1" applyBorder="1" applyAlignment="1">
      <alignment horizontal="center" vertical="center"/>
    </xf>
    <xf numFmtId="0" fontId="7" fillId="0" borderId="18" xfId="0" applyFont="1" applyBorder="1" applyAlignment="1">
      <alignment horizontal="center" vertical="center"/>
    </xf>
    <xf numFmtId="0" fontId="7" fillId="3" borderId="19" xfId="0" applyFont="1" applyFill="1" applyBorder="1" applyAlignment="1" applyProtection="1">
      <alignment horizontal="left" vertical="center" wrapText="1"/>
      <protection locked="0"/>
    </xf>
    <xf numFmtId="0" fontId="7" fillId="3" borderId="20" xfId="0" applyFont="1" applyFill="1" applyBorder="1" applyAlignment="1" applyProtection="1">
      <alignment horizontal="left" vertical="center" wrapText="1"/>
      <protection locked="0"/>
    </xf>
    <xf numFmtId="0" fontId="7" fillId="3" borderId="21" xfId="0" applyFont="1" applyFill="1" applyBorder="1" applyAlignment="1" applyProtection="1">
      <alignment horizontal="left" vertical="center" wrapText="1"/>
      <protection locked="0"/>
    </xf>
    <xf numFmtId="0" fontId="7" fillId="0" borderId="22" xfId="0" applyFont="1" applyBorder="1" applyAlignment="1">
      <alignment vertical="center" wrapText="1"/>
    </xf>
    <xf numFmtId="0" fontId="7" fillId="0" borderId="0" xfId="0" applyFont="1" applyAlignment="1">
      <alignment vertical="center" wrapText="1"/>
    </xf>
    <xf numFmtId="0" fontId="7" fillId="0" borderId="23" xfId="0" applyFont="1" applyBorder="1" applyAlignment="1">
      <alignment vertical="center" wrapText="1"/>
    </xf>
    <xf numFmtId="0" fontId="7" fillId="0" borderId="24" xfId="0" applyFont="1" applyBorder="1" applyAlignment="1">
      <alignment horizontal="center" vertical="center"/>
    </xf>
    <xf numFmtId="0" fontId="7" fillId="0" borderId="25" xfId="0" applyFont="1" applyBorder="1" applyAlignment="1">
      <alignment horizontal="center" vertical="center"/>
    </xf>
    <xf numFmtId="0" fontId="7" fillId="0" borderId="26" xfId="0" applyFont="1" applyBorder="1" applyAlignment="1">
      <alignment horizontal="center" vertical="center"/>
    </xf>
    <xf numFmtId="0" fontId="7" fillId="3" borderId="16" xfId="0" applyFont="1" applyFill="1" applyBorder="1" applyAlignment="1" applyProtection="1">
      <alignment horizontal="left" vertical="center"/>
      <protection locked="0"/>
    </xf>
    <xf numFmtId="0" fontId="7" fillId="3" borderId="17" xfId="0" applyFont="1" applyFill="1" applyBorder="1" applyAlignment="1" applyProtection="1">
      <alignment horizontal="left" vertical="center"/>
      <protection locked="0"/>
    </xf>
    <xf numFmtId="0" fontId="15" fillId="0" borderId="27" xfId="0" applyFont="1" applyBorder="1" applyAlignment="1">
      <alignment horizontal="center" vertical="center"/>
    </xf>
    <xf numFmtId="0" fontId="15" fillId="0" borderId="28" xfId="0" applyFont="1" applyBorder="1" applyAlignment="1">
      <alignment horizontal="center" vertical="center"/>
    </xf>
    <xf numFmtId="0" fontId="0" fillId="0" borderId="28" xfId="0" applyBorder="1" applyAlignment="1">
      <alignment horizontal="center" vertical="center"/>
    </xf>
    <xf numFmtId="0" fontId="15" fillId="3" borderId="17" xfId="0" applyFont="1" applyFill="1" applyBorder="1" applyAlignment="1" applyProtection="1">
      <alignment horizontal="center" vertical="center"/>
      <protection locked="0"/>
    </xf>
    <xf numFmtId="0" fontId="0" fillId="0" borderId="17" xfId="0" applyBorder="1">
      <alignment vertical="center"/>
    </xf>
    <xf numFmtId="0" fontId="9" fillId="0" borderId="17" xfId="0" applyFont="1" applyBorder="1">
      <alignment vertical="center"/>
    </xf>
    <xf numFmtId="0" fontId="15" fillId="3" borderId="28" xfId="0" applyFont="1" applyFill="1" applyBorder="1" applyProtection="1">
      <alignment vertical="center"/>
      <protection locked="0"/>
    </xf>
    <xf numFmtId="0" fontId="9" fillId="0" borderId="28" xfId="0" applyFont="1" applyBorder="1">
      <alignment vertical="center"/>
    </xf>
    <xf numFmtId="0" fontId="7" fillId="0" borderId="11" xfId="0" applyFont="1" applyBorder="1" applyAlignment="1">
      <alignment horizontal="center" vertical="center"/>
    </xf>
    <xf numFmtId="0" fontId="16" fillId="0" borderId="12" xfId="0" applyFont="1" applyBorder="1" applyAlignment="1">
      <alignment horizontal="center" vertical="center" wrapText="1"/>
    </xf>
    <xf numFmtId="0" fontId="16" fillId="0" borderId="13" xfId="0" applyFont="1" applyBorder="1" applyAlignment="1">
      <alignment horizontal="center" vertical="center" wrapText="1"/>
    </xf>
    <xf numFmtId="0" fontId="16" fillId="0" borderId="18" xfId="0" applyFont="1" applyBorder="1" applyAlignment="1">
      <alignment horizontal="center" vertical="center" wrapText="1"/>
    </xf>
    <xf numFmtId="0" fontId="14" fillId="0" borderId="23" xfId="0" applyFont="1" applyBorder="1">
      <alignment vertical="center"/>
    </xf>
    <xf numFmtId="0" fontId="14" fillId="0" borderId="29" xfId="0" applyFont="1" applyBorder="1">
      <alignment vertical="center"/>
    </xf>
    <xf numFmtId="0" fontId="16" fillId="0" borderId="30" xfId="0" applyFont="1" applyBorder="1" applyAlignment="1">
      <alignment horizontal="center" vertical="center" wrapText="1"/>
    </xf>
    <xf numFmtId="0" fontId="16" fillId="0" borderId="23" xfId="0" applyFont="1" applyBorder="1" applyAlignment="1">
      <alignment horizontal="center" vertical="center" wrapText="1"/>
    </xf>
    <xf numFmtId="0" fontId="16" fillId="0" borderId="29" xfId="0" applyFont="1" applyBorder="1" applyAlignment="1">
      <alignment horizontal="center" vertical="center" wrapText="1"/>
    </xf>
    <xf numFmtId="0" fontId="7" fillId="3" borderId="30" xfId="0" applyFont="1" applyFill="1" applyBorder="1" applyAlignment="1" applyProtection="1">
      <alignment horizontal="center" vertical="center"/>
      <protection locked="0"/>
    </xf>
    <xf numFmtId="0" fontId="7" fillId="3" borderId="23" xfId="0" applyFont="1" applyFill="1" applyBorder="1" applyAlignment="1" applyProtection="1">
      <alignment horizontal="center" vertical="center"/>
      <protection locked="0"/>
    </xf>
    <xf numFmtId="0" fontId="7" fillId="4" borderId="23" xfId="0" applyFont="1" applyFill="1" applyBorder="1" applyAlignment="1">
      <alignment horizontal="center" vertical="center"/>
    </xf>
    <xf numFmtId="0" fontId="7" fillId="3" borderId="23" xfId="0" applyFont="1" applyFill="1" applyBorder="1" applyAlignment="1" applyProtection="1">
      <alignment horizontal="center" vertical="center"/>
      <protection locked="0"/>
    </xf>
    <xf numFmtId="0" fontId="7" fillId="3" borderId="31" xfId="0" applyFont="1" applyFill="1" applyBorder="1" applyAlignment="1" applyProtection="1">
      <alignment horizontal="center" vertical="center"/>
      <protection locked="0"/>
    </xf>
    <xf numFmtId="0" fontId="0" fillId="0" borderId="31" xfId="0" applyBorder="1" applyAlignment="1">
      <alignment horizontal="center" vertical="center"/>
    </xf>
    <xf numFmtId="0" fontId="7" fillId="4" borderId="23" xfId="0" applyFont="1" applyFill="1" applyBorder="1">
      <alignment vertical="center"/>
    </xf>
    <xf numFmtId="0" fontId="0" fillId="0" borderId="31" xfId="0" applyBorder="1">
      <alignment vertical="center"/>
    </xf>
    <xf numFmtId="0" fontId="7" fillId="0" borderId="12" xfId="0" applyFont="1" applyBorder="1" applyAlignment="1">
      <alignment horizontal="center" vertical="center"/>
    </xf>
    <xf numFmtId="0" fontId="14" fillId="0" borderId="32" xfId="0" applyFont="1" applyBorder="1" applyAlignment="1">
      <alignment horizontal="center" vertical="center" wrapText="1"/>
    </xf>
    <xf numFmtId="0" fontId="14" fillId="0" borderId="23" xfId="0" applyFont="1" applyBorder="1" applyAlignment="1">
      <alignment horizontal="center" vertical="center"/>
    </xf>
    <xf numFmtId="0" fontId="14" fillId="0" borderId="29" xfId="0" applyFont="1" applyBorder="1" applyAlignment="1">
      <alignment horizontal="center" vertical="center"/>
    </xf>
    <xf numFmtId="0" fontId="7" fillId="3" borderId="30" xfId="0" applyFont="1" applyFill="1" applyBorder="1" applyAlignment="1" applyProtection="1">
      <alignment horizontal="left" vertical="center"/>
      <protection locked="0"/>
    </xf>
    <xf numFmtId="0" fontId="7" fillId="3" borderId="23" xfId="0" applyFont="1" applyFill="1" applyBorder="1" applyAlignment="1" applyProtection="1">
      <alignment horizontal="left" vertical="center"/>
      <protection locked="0"/>
    </xf>
    <xf numFmtId="0" fontId="0" fillId="0" borderId="15" xfId="0" applyBorder="1" applyAlignment="1">
      <alignment horizontal="center" vertical="center"/>
    </xf>
    <xf numFmtId="0" fontId="0" fillId="0" borderId="16" xfId="0" applyBorder="1" applyAlignment="1">
      <alignment horizontal="center" vertical="center"/>
    </xf>
    <xf numFmtId="0" fontId="0" fillId="0" borderId="17" xfId="0" applyBorder="1" applyAlignment="1">
      <alignment horizontal="center" vertical="center"/>
    </xf>
    <xf numFmtId="0" fontId="0" fillId="0" borderId="33" xfId="0" applyBorder="1" applyAlignment="1">
      <alignment horizontal="center" vertical="center"/>
    </xf>
    <xf numFmtId="0" fontId="7" fillId="3" borderId="9" xfId="0" applyFont="1" applyFill="1" applyBorder="1" applyAlignment="1" applyProtection="1">
      <alignment horizontal="left" vertical="center"/>
      <protection locked="0"/>
    </xf>
    <xf numFmtId="0" fontId="7" fillId="3" borderId="31" xfId="0" applyFont="1" applyFill="1" applyBorder="1" applyAlignment="1" applyProtection="1">
      <alignment horizontal="left" vertical="center"/>
      <protection locked="0"/>
    </xf>
    <xf numFmtId="0" fontId="7" fillId="3" borderId="34" xfId="0" applyFont="1" applyFill="1" applyBorder="1" applyAlignment="1" applyProtection="1">
      <alignment horizontal="left" vertical="center"/>
      <protection locked="0"/>
    </xf>
    <xf numFmtId="0" fontId="14" fillId="4" borderId="13" xfId="0" applyFont="1" applyFill="1" applyBorder="1">
      <alignment vertical="center"/>
    </xf>
    <xf numFmtId="0" fontId="14" fillId="4" borderId="0" xfId="0" applyFont="1" applyFill="1" applyAlignment="1">
      <alignment horizontal="left" vertical="center"/>
    </xf>
    <xf numFmtId="0" fontId="0" fillId="0" borderId="18" xfId="0" applyBorder="1">
      <alignment vertical="center"/>
    </xf>
    <xf numFmtId="0" fontId="7" fillId="0" borderId="16" xfId="0" applyFont="1" applyBorder="1" applyAlignment="1">
      <alignment horizontal="center" vertical="center"/>
    </xf>
    <xf numFmtId="0" fontId="7" fillId="0" borderId="17" xfId="0" applyFont="1" applyBorder="1" applyAlignment="1">
      <alignment horizontal="center" vertical="center"/>
    </xf>
    <xf numFmtId="0" fontId="7" fillId="0" borderId="33" xfId="0" applyFont="1" applyBorder="1" applyAlignment="1">
      <alignment horizontal="center" vertical="center"/>
    </xf>
    <xf numFmtId="0" fontId="14" fillId="4" borderId="17" xfId="0" applyFont="1" applyFill="1" applyBorder="1">
      <alignment vertical="center"/>
    </xf>
    <xf numFmtId="0" fontId="14" fillId="4" borderId="17" xfId="0" applyFont="1" applyFill="1" applyBorder="1" applyAlignment="1">
      <alignment horizontal="left" vertical="center"/>
    </xf>
    <xf numFmtId="0" fontId="14" fillId="0" borderId="17" xfId="0" applyFont="1" applyBorder="1" applyAlignment="1" applyProtection="1">
      <alignment horizontal="left" vertical="center" shrinkToFit="1"/>
      <protection locked="0"/>
    </xf>
    <xf numFmtId="0" fontId="14" fillId="3" borderId="17" xfId="0" applyFont="1" applyFill="1" applyBorder="1" applyAlignment="1">
      <alignment horizontal="left" vertical="center"/>
    </xf>
    <xf numFmtId="0" fontId="16" fillId="0" borderId="11" xfId="0" applyFont="1" applyBorder="1" applyAlignment="1">
      <alignment horizontal="center" vertical="center"/>
    </xf>
    <xf numFmtId="0" fontId="14" fillId="0" borderId="35" xfId="0" applyFont="1" applyBorder="1" applyAlignment="1">
      <alignment horizontal="center" vertical="center"/>
    </xf>
    <xf numFmtId="0" fontId="14" fillId="0" borderId="36" xfId="0" applyFont="1" applyBorder="1" applyAlignment="1">
      <alignment horizontal="center" vertical="center"/>
    </xf>
    <xf numFmtId="0" fontId="14" fillId="0" borderId="36" xfId="0" applyFont="1" applyBorder="1" applyAlignment="1">
      <alignment horizontal="center" vertical="center"/>
    </xf>
    <xf numFmtId="0" fontId="14" fillId="0" borderId="37" xfId="0" applyFont="1" applyBorder="1" applyAlignment="1">
      <alignment horizontal="center" vertical="center"/>
    </xf>
    <xf numFmtId="0" fontId="15" fillId="0" borderId="38" xfId="0" applyFont="1" applyBorder="1" applyAlignment="1">
      <alignment horizontal="center" vertical="center" wrapText="1"/>
    </xf>
    <xf numFmtId="0" fontId="15" fillId="0" borderId="39" xfId="0" applyFont="1" applyBorder="1" applyAlignment="1">
      <alignment horizontal="center" vertical="center" wrapText="1"/>
    </xf>
    <xf numFmtId="0" fontId="9" fillId="0" borderId="40" xfId="0" applyFont="1" applyBorder="1" applyAlignment="1">
      <alignment horizontal="center" vertical="center"/>
    </xf>
    <xf numFmtId="0" fontId="9" fillId="0" borderId="13" xfId="0" applyFont="1" applyBorder="1" applyAlignment="1">
      <alignment horizontal="center" vertical="center"/>
    </xf>
    <xf numFmtId="0" fontId="9" fillId="3" borderId="13" xfId="0" applyFont="1" applyFill="1" applyBorder="1" applyAlignment="1" applyProtection="1">
      <alignment horizontal="center" vertical="center"/>
      <protection locked="0"/>
    </xf>
    <xf numFmtId="0" fontId="0" fillId="0" borderId="13" xfId="0" applyBorder="1">
      <alignment vertical="center"/>
    </xf>
    <xf numFmtId="0" fontId="0" fillId="0" borderId="18" xfId="0" applyBorder="1">
      <alignment vertical="center"/>
    </xf>
    <xf numFmtId="0" fontId="16" fillId="0" borderId="14" xfId="0" applyFont="1" applyBorder="1" applyAlignment="1">
      <alignment horizontal="center" vertical="center"/>
    </xf>
    <xf numFmtId="0" fontId="16" fillId="0" borderId="10" xfId="0" applyFont="1" applyBorder="1" applyAlignment="1">
      <alignment horizontal="center" vertical="center" wrapText="1"/>
    </xf>
    <xf numFmtId="0" fontId="16" fillId="0" borderId="0" xfId="0" applyFont="1" applyAlignment="1">
      <alignment horizontal="center" vertical="center" wrapText="1"/>
    </xf>
    <xf numFmtId="0" fontId="16" fillId="0" borderId="41" xfId="0" applyFont="1" applyBorder="1" applyAlignment="1">
      <alignment horizontal="center" vertical="center" wrapText="1"/>
    </xf>
    <xf numFmtId="0" fontId="14" fillId="0" borderId="42" xfId="0" applyFont="1" applyBorder="1" applyAlignment="1">
      <alignment horizontal="center" vertical="center"/>
    </xf>
    <xf numFmtId="0" fontId="14" fillId="0" borderId="43" xfId="0" applyFont="1" applyBorder="1" applyAlignment="1">
      <alignment horizontal="center" vertical="center"/>
    </xf>
    <xf numFmtId="0" fontId="14" fillId="0" borderId="43" xfId="0" applyFont="1" applyBorder="1" applyAlignment="1">
      <alignment horizontal="center" vertical="center"/>
    </xf>
    <xf numFmtId="0" fontId="14" fillId="0" borderId="44" xfId="0" applyFont="1" applyBorder="1" applyAlignment="1">
      <alignment horizontal="center" vertical="center"/>
    </xf>
    <xf numFmtId="0" fontId="15" fillId="0" borderId="45" xfId="0" applyFont="1" applyBorder="1" applyAlignment="1">
      <alignment horizontal="center" vertical="center" wrapText="1"/>
    </xf>
    <xf numFmtId="0" fontId="15" fillId="0" borderId="46" xfId="0" applyFont="1" applyBorder="1" applyAlignment="1">
      <alignment horizontal="center" vertical="center" wrapText="1"/>
    </xf>
    <xf numFmtId="0" fontId="9" fillId="0" borderId="47" xfId="0" applyFont="1" applyBorder="1" applyAlignment="1">
      <alignment horizontal="center" vertical="center"/>
    </xf>
    <xf numFmtId="0" fontId="9" fillId="0" borderId="1" xfId="0" applyFont="1" applyBorder="1" applyAlignment="1">
      <alignment horizontal="center" vertical="center"/>
    </xf>
    <xf numFmtId="0" fontId="9" fillId="3" borderId="1" xfId="0" applyFont="1" applyFill="1" applyBorder="1" applyAlignment="1" applyProtection="1">
      <alignment horizontal="center" vertical="center"/>
      <protection locked="0"/>
    </xf>
    <xf numFmtId="0" fontId="0" fillId="0" borderId="1" xfId="0" applyBorder="1">
      <alignment vertical="center"/>
    </xf>
    <xf numFmtId="0" fontId="0" fillId="0" borderId="48" xfId="0" applyBorder="1">
      <alignment vertical="center"/>
    </xf>
    <xf numFmtId="0" fontId="7" fillId="0" borderId="49" xfId="0" applyFont="1" applyBorder="1" applyAlignment="1">
      <alignment horizontal="center" vertical="center"/>
    </xf>
    <xf numFmtId="0" fontId="7" fillId="0" borderId="50" xfId="0" applyFont="1" applyBorder="1" applyAlignment="1">
      <alignment horizontal="center" vertical="center"/>
    </xf>
    <xf numFmtId="0" fontId="7" fillId="0" borderId="51" xfId="0" applyFont="1" applyBorder="1" applyAlignment="1">
      <alignment horizontal="center" vertical="center"/>
    </xf>
    <xf numFmtId="0" fontId="16" fillId="0" borderId="52" xfId="0" applyFont="1" applyBorder="1" applyAlignment="1">
      <alignment horizontal="center" vertical="center"/>
    </xf>
    <xf numFmtId="0" fontId="16" fillId="0" borderId="50" xfId="0" applyFont="1" applyBorder="1" applyAlignment="1">
      <alignment horizontal="center" vertical="center"/>
    </xf>
    <xf numFmtId="0" fontId="7" fillId="3" borderId="50" xfId="0" applyFont="1" applyFill="1" applyBorder="1" applyAlignment="1" applyProtection="1">
      <alignment horizontal="center" vertical="center"/>
      <protection locked="0"/>
    </xf>
    <xf numFmtId="0" fontId="7" fillId="3" borderId="1" xfId="0" applyFont="1" applyFill="1" applyBorder="1" applyAlignment="1" applyProtection="1">
      <alignment horizontal="center" vertical="center"/>
      <protection locked="0"/>
    </xf>
    <xf numFmtId="0" fontId="7" fillId="0" borderId="1" xfId="0" applyFont="1" applyBorder="1" applyAlignment="1">
      <alignment horizontal="center" vertical="center"/>
    </xf>
    <xf numFmtId="0" fontId="7" fillId="0" borderId="53" xfId="0" applyFont="1" applyBorder="1" applyAlignment="1">
      <alignment horizontal="center" vertical="center"/>
    </xf>
    <xf numFmtId="0" fontId="7" fillId="0" borderId="50" xfId="0" applyFont="1" applyBorder="1" applyAlignment="1">
      <alignment horizontal="center" vertical="center"/>
    </xf>
    <xf numFmtId="0" fontId="16" fillId="0" borderId="50" xfId="0" applyFont="1" applyBorder="1" applyAlignment="1">
      <alignment horizontal="center" vertical="center" shrinkToFit="1"/>
    </xf>
    <xf numFmtId="0" fontId="0" fillId="0" borderId="50" xfId="0" applyBorder="1">
      <alignment vertical="center"/>
    </xf>
    <xf numFmtId="0" fontId="16" fillId="4" borderId="10" xfId="0" applyFont="1" applyFill="1" applyBorder="1" applyAlignment="1">
      <alignment horizontal="center" vertical="center" wrapText="1"/>
    </xf>
    <xf numFmtId="0" fontId="16" fillId="4" borderId="0" xfId="0" applyFont="1" applyFill="1" applyAlignment="1">
      <alignment horizontal="center" vertical="center" wrapText="1"/>
    </xf>
    <xf numFmtId="0" fontId="16" fillId="3" borderId="0" xfId="0" applyFont="1" applyFill="1" applyAlignment="1" applyProtection="1">
      <alignment horizontal="center" vertical="center"/>
      <protection locked="0"/>
    </xf>
    <xf numFmtId="0" fontId="16" fillId="4" borderId="1" xfId="0" applyFont="1" applyFill="1" applyBorder="1" applyAlignment="1">
      <alignment horizontal="center" vertical="center"/>
    </xf>
    <xf numFmtId="0" fontId="16" fillId="3" borderId="1" xfId="0" applyFont="1" applyFill="1" applyBorder="1" applyAlignment="1" applyProtection="1">
      <alignment horizontal="center" vertical="center"/>
      <protection locked="0"/>
    </xf>
    <xf numFmtId="0" fontId="16" fillId="0" borderId="1" xfId="0" applyFont="1" applyBorder="1">
      <alignment vertical="center"/>
    </xf>
    <xf numFmtId="0" fontId="9" fillId="4" borderId="50" xfId="0" applyFont="1" applyFill="1" applyBorder="1" applyAlignment="1">
      <alignment horizontal="center" vertical="center"/>
    </xf>
    <xf numFmtId="0" fontId="9" fillId="3" borderId="50" xfId="0" applyFont="1" applyFill="1" applyBorder="1" applyAlignment="1" applyProtection="1">
      <alignment horizontal="center" vertical="center"/>
      <protection locked="0"/>
    </xf>
    <xf numFmtId="0" fontId="9" fillId="0" borderId="50" xfId="0" applyFont="1" applyBorder="1">
      <alignment vertical="center"/>
    </xf>
    <xf numFmtId="177" fontId="16" fillId="3" borderId="50" xfId="0" applyNumberFormat="1" applyFont="1" applyFill="1" applyBorder="1" applyAlignment="1" applyProtection="1">
      <alignment horizontal="center" vertical="center"/>
      <protection locked="0"/>
    </xf>
    <xf numFmtId="0" fontId="9" fillId="0" borderId="50" xfId="0" applyFont="1" applyBorder="1" applyAlignment="1">
      <alignment horizontal="center" vertical="center"/>
    </xf>
    <xf numFmtId="0" fontId="0" fillId="0" borderId="1" xfId="0" applyBorder="1">
      <alignment vertical="center"/>
    </xf>
    <xf numFmtId="0" fontId="0" fillId="0" borderId="54" xfId="0" applyBorder="1">
      <alignment vertical="center"/>
    </xf>
    <xf numFmtId="0" fontId="16" fillId="4" borderId="55" xfId="0" applyFont="1" applyFill="1" applyBorder="1" applyAlignment="1">
      <alignment horizontal="center" vertical="center" wrapText="1"/>
    </xf>
    <xf numFmtId="0" fontId="16" fillId="4" borderId="56" xfId="0" applyFont="1" applyFill="1" applyBorder="1" applyAlignment="1">
      <alignment horizontal="center" vertical="center" wrapText="1"/>
    </xf>
    <xf numFmtId="0" fontId="16" fillId="3" borderId="50" xfId="0" applyFont="1" applyFill="1" applyBorder="1" applyAlignment="1" applyProtection="1">
      <alignment horizontal="center" vertical="center"/>
      <protection locked="0"/>
    </xf>
    <xf numFmtId="0" fontId="16" fillId="4" borderId="50" xfId="0" applyFont="1" applyFill="1" applyBorder="1" applyAlignment="1">
      <alignment horizontal="center" vertical="center"/>
    </xf>
    <xf numFmtId="0" fontId="16" fillId="0" borderId="50" xfId="0" applyFont="1" applyBorder="1">
      <alignment vertical="center"/>
    </xf>
    <xf numFmtId="0" fontId="16" fillId="0" borderId="16" xfId="0" applyFont="1" applyBorder="1" applyAlignment="1">
      <alignment horizontal="center" vertical="center" wrapText="1"/>
    </xf>
    <xf numFmtId="0" fontId="16" fillId="0" borderId="17" xfId="0" applyFont="1" applyBorder="1" applyAlignment="1">
      <alignment horizontal="center" vertical="center" wrapText="1"/>
    </xf>
    <xf numFmtId="0" fontId="16" fillId="0" borderId="33" xfId="0" applyFont="1" applyBorder="1" applyAlignment="1">
      <alignment horizontal="center" vertical="center" wrapText="1"/>
    </xf>
    <xf numFmtId="0" fontId="16" fillId="4" borderId="57" xfId="0" applyFont="1" applyFill="1" applyBorder="1" applyAlignment="1">
      <alignment horizontal="center" vertical="center" wrapText="1"/>
    </xf>
    <xf numFmtId="0" fontId="16" fillId="4" borderId="58" xfId="0" applyFont="1" applyFill="1" applyBorder="1" applyAlignment="1">
      <alignment horizontal="center" vertical="center" wrapText="1"/>
    </xf>
    <xf numFmtId="0" fontId="16" fillId="3" borderId="58" xfId="0" applyFont="1" applyFill="1" applyBorder="1" applyAlignment="1" applyProtection="1">
      <alignment horizontal="center" vertical="center"/>
      <protection locked="0"/>
    </xf>
    <xf numFmtId="0" fontId="16" fillId="4" borderId="58" xfId="0" applyFont="1" applyFill="1" applyBorder="1" applyAlignment="1">
      <alignment horizontal="center" vertical="center"/>
    </xf>
    <xf numFmtId="0" fontId="16" fillId="0" borderId="58" xfId="0" applyFont="1" applyBorder="1">
      <alignment vertical="center"/>
    </xf>
    <xf numFmtId="0" fontId="7" fillId="0" borderId="58" xfId="0" applyFont="1" applyBorder="1">
      <alignment vertical="center"/>
    </xf>
    <xf numFmtId="177" fontId="16" fillId="3" borderId="17" xfId="0" applyNumberFormat="1" applyFont="1" applyFill="1" applyBorder="1" applyAlignment="1" applyProtection="1">
      <alignment horizontal="center" vertical="center"/>
      <protection locked="0"/>
    </xf>
    <xf numFmtId="0" fontId="16" fillId="0" borderId="58" xfId="0" applyFont="1" applyBorder="1" applyAlignment="1">
      <alignment horizontal="center" vertical="center"/>
    </xf>
    <xf numFmtId="0" fontId="0" fillId="0" borderId="41" xfId="0" applyBorder="1">
      <alignment vertical="center"/>
    </xf>
    <xf numFmtId="0" fontId="7" fillId="0" borderId="12" xfId="0" applyFont="1" applyBorder="1" applyAlignment="1">
      <alignment horizontal="center" vertical="center" wrapText="1" shrinkToFit="1"/>
    </xf>
    <xf numFmtId="0" fontId="7" fillId="0" borderId="13" xfId="0" applyFont="1" applyBorder="1" applyAlignment="1">
      <alignment horizontal="center" vertical="center" wrapText="1" shrinkToFit="1"/>
    </xf>
    <xf numFmtId="0" fontId="7" fillId="0" borderId="18" xfId="0" applyFont="1" applyBorder="1" applyAlignment="1">
      <alignment horizontal="center" vertical="center" wrapText="1" shrinkToFit="1"/>
    </xf>
    <xf numFmtId="0" fontId="16" fillId="4" borderId="32" xfId="0" applyFont="1" applyFill="1" applyBorder="1" applyAlignment="1">
      <alignment horizontal="center" vertical="center"/>
    </xf>
    <xf numFmtId="0" fontId="16" fillId="4" borderId="23" xfId="0" applyFont="1" applyFill="1" applyBorder="1" applyAlignment="1">
      <alignment horizontal="center" vertical="center"/>
    </xf>
    <xf numFmtId="0" fontId="14" fillId="0" borderId="30" xfId="0" applyFont="1" applyBorder="1" applyAlignment="1">
      <alignment horizontal="right" vertical="center"/>
    </xf>
    <xf numFmtId="0" fontId="16" fillId="4" borderId="23" xfId="0" applyFont="1" applyFill="1" applyBorder="1">
      <alignment vertical="center"/>
    </xf>
    <xf numFmtId="0" fontId="14" fillId="0" borderId="23" xfId="0" applyFont="1" applyBorder="1" applyAlignment="1">
      <alignment horizontal="right" vertical="center"/>
    </xf>
    <xf numFmtId="0" fontId="16" fillId="3" borderId="23" xfId="0" applyFont="1" applyFill="1" applyBorder="1" applyAlignment="1" applyProtection="1">
      <alignment horizontal="center" vertical="center"/>
      <protection locked="0"/>
    </xf>
    <xf numFmtId="0" fontId="16" fillId="3" borderId="13" xfId="0" applyFont="1" applyFill="1" applyBorder="1" applyAlignment="1" applyProtection="1">
      <alignment horizontal="center" vertical="center"/>
      <protection locked="0"/>
    </xf>
    <xf numFmtId="49" fontId="7" fillId="4" borderId="13" xfId="0" applyNumberFormat="1" applyFont="1" applyFill="1" applyBorder="1" applyAlignment="1">
      <alignment horizontal="center" vertical="center"/>
    </xf>
    <xf numFmtId="0" fontId="16" fillId="0" borderId="13" xfId="0" applyFont="1" applyBorder="1">
      <alignment vertical="center"/>
    </xf>
    <xf numFmtId="177" fontId="16" fillId="3" borderId="56" xfId="0" applyNumberFormat="1" applyFont="1" applyFill="1" applyBorder="1" applyAlignment="1" applyProtection="1">
      <alignment horizontal="center" vertical="center"/>
      <protection locked="0"/>
    </xf>
    <xf numFmtId="0" fontId="16" fillId="0" borderId="13" xfId="0" applyFont="1" applyBorder="1" applyAlignment="1">
      <alignment horizontal="center" vertical="center"/>
    </xf>
    <xf numFmtId="0" fontId="0" fillId="0" borderId="13" xfId="0" applyBorder="1">
      <alignment vertical="center"/>
    </xf>
    <xf numFmtId="0" fontId="7" fillId="0" borderId="10" xfId="0" applyFont="1" applyBorder="1" applyAlignment="1">
      <alignment horizontal="center" vertical="center" wrapText="1" shrinkToFit="1"/>
    </xf>
    <xf numFmtId="0" fontId="7" fillId="0" borderId="0" xfId="0" applyFont="1" applyAlignment="1">
      <alignment horizontal="center" vertical="center" wrapText="1" shrinkToFit="1"/>
    </xf>
    <xf numFmtId="0" fontId="7" fillId="0" borderId="41" xfId="0" applyFont="1" applyBorder="1" applyAlignment="1">
      <alignment horizontal="center" vertical="center" wrapText="1" shrinkToFit="1"/>
    </xf>
    <xf numFmtId="0" fontId="14" fillId="0" borderId="52" xfId="0" applyFont="1" applyBorder="1" applyAlignment="1">
      <alignment horizontal="right" vertical="center"/>
    </xf>
    <xf numFmtId="0" fontId="14" fillId="0" borderId="50" xfId="0" applyFont="1" applyBorder="1">
      <alignment vertical="center"/>
    </xf>
    <xf numFmtId="49" fontId="20" fillId="0" borderId="50" xfId="0" applyNumberFormat="1" applyFont="1" applyBorder="1">
      <alignment vertical="center"/>
    </xf>
    <xf numFmtId="0" fontId="14" fillId="0" borderId="50" xfId="0" applyFont="1" applyBorder="1" applyAlignment="1">
      <alignment horizontal="right" vertical="center"/>
    </xf>
    <xf numFmtId="178" fontId="16" fillId="3" borderId="50" xfId="0" applyNumberFormat="1" applyFont="1" applyFill="1" applyBorder="1" applyAlignment="1" applyProtection="1">
      <alignment horizontal="center" vertical="center"/>
      <protection locked="0"/>
    </xf>
    <xf numFmtId="0" fontId="7" fillId="0" borderId="54" xfId="0" applyFont="1" applyBorder="1" applyAlignment="1">
      <alignment horizontal="center" vertical="center"/>
    </xf>
    <xf numFmtId="0" fontId="16" fillId="0" borderId="15" xfId="0" applyFont="1" applyBorder="1" applyAlignment="1">
      <alignment horizontal="center" vertical="center"/>
    </xf>
    <xf numFmtId="0" fontId="7" fillId="0" borderId="16" xfId="0" applyFont="1" applyBorder="1" applyAlignment="1">
      <alignment horizontal="center" vertical="center" wrapText="1" shrinkToFit="1"/>
    </xf>
    <xf numFmtId="0" fontId="7" fillId="0" borderId="17" xfId="0" applyFont="1" applyBorder="1" applyAlignment="1">
      <alignment horizontal="center" vertical="center" wrapText="1" shrinkToFit="1"/>
    </xf>
    <xf numFmtId="0" fontId="7" fillId="0" borderId="33" xfId="0" applyFont="1" applyBorder="1" applyAlignment="1">
      <alignment horizontal="center" vertical="center" wrapText="1" shrinkToFit="1"/>
    </xf>
    <xf numFmtId="0" fontId="15" fillId="2" borderId="58" xfId="0" applyFont="1" applyFill="1" applyBorder="1" applyAlignment="1">
      <alignment horizontal="center" vertical="center" wrapText="1"/>
    </xf>
    <xf numFmtId="178" fontId="9" fillId="3" borderId="59" xfId="0" applyNumberFormat="1" applyFont="1" applyFill="1" applyBorder="1" applyAlignment="1" applyProtection="1">
      <alignment horizontal="center" vertical="center"/>
      <protection locked="0"/>
    </xf>
    <xf numFmtId="178" fontId="9" fillId="3" borderId="58" xfId="0" applyNumberFormat="1" applyFont="1" applyFill="1" applyBorder="1" applyAlignment="1" applyProtection="1">
      <alignment horizontal="center" vertical="center"/>
      <protection locked="0"/>
    </xf>
    <xf numFmtId="0" fontId="9" fillId="2" borderId="58" xfId="0" applyFont="1" applyFill="1" applyBorder="1" applyAlignment="1">
      <alignment horizontal="center" vertical="center"/>
    </xf>
    <xf numFmtId="0" fontId="9" fillId="2" borderId="58" xfId="0" applyFont="1" applyFill="1" applyBorder="1">
      <alignment vertical="center"/>
    </xf>
    <xf numFmtId="0" fontId="0" fillId="0" borderId="60" xfId="0" applyBorder="1">
      <alignment vertical="center"/>
    </xf>
    <xf numFmtId="0" fontId="16" fillId="4" borderId="29" xfId="0" applyFont="1" applyFill="1" applyBorder="1" applyAlignment="1">
      <alignment horizontal="center" vertical="center"/>
    </xf>
    <xf numFmtId="176" fontId="7" fillId="3" borderId="23" xfId="0" applyNumberFormat="1" applyFont="1" applyFill="1" applyBorder="1" applyAlignment="1" applyProtection="1">
      <alignment horizontal="center" vertical="center"/>
      <protection locked="0"/>
    </xf>
    <xf numFmtId="0" fontId="16" fillId="4" borderId="23" xfId="0" applyFont="1" applyFill="1" applyBorder="1" applyAlignment="1">
      <alignment horizontal="center" vertical="center"/>
    </xf>
    <xf numFmtId="0" fontId="16" fillId="3" borderId="23" xfId="0" applyFont="1" applyFill="1" applyBorder="1" applyAlignment="1" applyProtection="1">
      <alignment horizontal="center" vertical="center" wrapText="1"/>
      <protection locked="0"/>
    </xf>
    <xf numFmtId="0" fontId="16" fillId="4" borderId="23" xfId="0" applyFont="1" applyFill="1" applyBorder="1" applyAlignment="1">
      <alignment horizontal="center" vertical="center" wrapText="1"/>
    </xf>
    <xf numFmtId="0" fontId="7" fillId="4" borderId="61" xfId="0" applyFont="1" applyFill="1" applyBorder="1">
      <alignment vertical="center"/>
    </xf>
    <xf numFmtId="0" fontId="16" fillId="4" borderId="23" xfId="0" applyFont="1" applyFill="1" applyBorder="1">
      <alignment vertical="center"/>
    </xf>
    <xf numFmtId="0" fontId="0" fillId="0" borderId="23" xfId="0" applyBorder="1">
      <alignment vertical="center"/>
    </xf>
    <xf numFmtId="0" fontId="0" fillId="0" borderId="61" xfId="0" applyBorder="1">
      <alignment vertical="center"/>
    </xf>
    <xf numFmtId="0" fontId="16" fillId="3" borderId="57" xfId="0" applyFont="1" applyFill="1" applyBorder="1" applyAlignment="1" applyProtection="1">
      <alignment horizontal="center" vertical="center"/>
      <protection locked="0"/>
    </xf>
    <xf numFmtId="0" fontId="16" fillId="4" borderId="58" xfId="0" applyFont="1" applyFill="1" applyBorder="1" applyAlignment="1">
      <alignment horizontal="center" vertical="center"/>
    </xf>
    <xf numFmtId="0" fontId="16" fillId="4" borderId="62" xfId="0" applyFont="1" applyFill="1" applyBorder="1" applyAlignment="1">
      <alignment horizontal="center" vertical="center"/>
    </xf>
    <xf numFmtId="177" fontId="16" fillId="3" borderId="63" xfId="0" applyNumberFormat="1" applyFont="1" applyFill="1" applyBorder="1" applyAlignment="1" applyProtection="1">
      <alignment horizontal="center" vertical="center"/>
      <protection locked="0"/>
    </xf>
    <xf numFmtId="177" fontId="16" fillId="3" borderId="58" xfId="0" applyNumberFormat="1" applyFont="1" applyFill="1" applyBorder="1" applyAlignment="1" applyProtection="1">
      <alignment horizontal="center" vertical="center"/>
      <protection locked="0"/>
    </xf>
    <xf numFmtId="0" fontId="16" fillId="4" borderId="60" xfId="0" applyFont="1" applyFill="1" applyBorder="1" applyAlignment="1">
      <alignment horizontal="center" vertical="center"/>
    </xf>
    <xf numFmtId="0" fontId="0" fillId="0" borderId="58" xfId="0" applyBorder="1">
      <alignment vertical="center"/>
    </xf>
    <xf numFmtId="0" fontId="0" fillId="0" borderId="60" xfId="0" applyBorder="1">
      <alignment vertical="center"/>
    </xf>
    <xf numFmtId="0" fontId="23" fillId="0" borderId="23" xfId="0" applyFont="1" applyBorder="1">
      <alignment vertical="center"/>
    </xf>
    <xf numFmtId="0" fontId="16" fillId="4" borderId="57" xfId="0" applyFont="1" applyFill="1" applyBorder="1" applyAlignment="1">
      <alignment horizontal="center" vertical="center"/>
    </xf>
    <xf numFmtId="0" fontId="7" fillId="3" borderId="58" xfId="0" applyFont="1" applyFill="1" applyBorder="1" applyAlignment="1" applyProtection="1">
      <alignment horizontal="center" vertical="center"/>
      <protection locked="0"/>
    </xf>
    <xf numFmtId="0" fontId="16" fillId="4" borderId="58" xfId="0" applyFont="1" applyFill="1" applyBorder="1">
      <alignment vertical="center"/>
    </xf>
    <xf numFmtId="0" fontId="23" fillId="0" borderId="23" xfId="0" applyFont="1" applyBorder="1" applyAlignment="1">
      <alignment vertical="center" shrinkToFit="1"/>
    </xf>
    <xf numFmtId="0" fontId="16" fillId="0" borderId="23" xfId="0" applyFont="1" applyBorder="1" applyAlignment="1">
      <alignment vertical="center" shrinkToFit="1"/>
    </xf>
    <xf numFmtId="0" fontId="0" fillId="0" borderId="16" xfId="0" applyBorder="1" applyAlignment="1">
      <alignment horizontal="center" vertical="center" wrapText="1"/>
    </xf>
    <xf numFmtId="0" fontId="0" fillId="0" borderId="17" xfId="0" applyBorder="1" applyAlignment="1">
      <alignment horizontal="center" vertical="center" wrapText="1"/>
    </xf>
    <xf numFmtId="0" fontId="0" fillId="0" borderId="33" xfId="0" applyBorder="1" applyAlignment="1">
      <alignment horizontal="center" vertical="center" wrapText="1"/>
    </xf>
    <xf numFmtId="0" fontId="16" fillId="0" borderId="57" xfId="0" applyFont="1" applyBorder="1" applyAlignment="1">
      <alignment horizontal="center" vertical="center" shrinkToFit="1"/>
    </xf>
    <xf numFmtId="0" fontId="16" fillId="0" borderId="62" xfId="0" applyFont="1" applyBorder="1" applyAlignment="1">
      <alignment horizontal="center" vertical="center" shrinkToFit="1"/>
    </xf>
    <xf numFmtId="0" fontId="16" fillId="3" borderId="63" xfId="0" applyFont="1" applyFill="1" applyBorder="1" applyAlignment="1" applyProtection="1">
      <alignment horizontal="center" vertical="center" shrinkToFit="1"/>
      <protection locked="0"/>
    </xf>
    <xf numFmtId="0" fontId="16" fillId="3" borderId="58" xfId="0" applyFont="1" applyFill="1" applyBorder="1" applyAlignment="1" applyProtection="1">
      <alignment horizontal="center" vertical="center" shrinkToFit="1"/>
      <protection locked="0"/>
    </xf>
    <xf numFmtId="0" fontId="16" fillId="0" borderId="58" xfId="0" applyFont="1" applyBorder="1" applyAlignment="1">
      <alignment vertical="center" shrinkToFit="1"/>
    </xf>
    <xf numFmtId="0" fontId="16" fillId="3" borderId="58" xfId="0" applyFont="1" applyFill="1" applyBorder="1" applyAlignment="1" applyProtection="1">
      <alignment vertical="center" shrinkToFit="1"/>
      <protection locked="0"/>
    </xf>
    <xf numFmtId="6" fontId="16" fillId="0" borderId="58" xfId="1" applyFont="1" applyBorder="1" applyAlignment="1">
      <alignment vertical="center" shrinkToFit="1"/>
    </xf>
    <xf numFmtId="0" fontId="16" fillId="0" borderId="30" xfId="0" applyFont="1" applyBorder="1" applyAlignment="1">
      <alignment horizontal="center" vertical="center"/>
    </xf>
    <xf numFmtId="0" fontId="0" fillId="0" borderId="29" xfId="0" applyBorder="1" applyAlignment="1">
      <alignment horizontal="center" vertical="center"/>
    </xf>
    <xf numFmtId="0" fontId="16" fillId="0" borderId="23" xfId="0" applyFont="1" applyBorder="1">
      <alignment vertical="center"/>
    </xf>
    <xf numFmtId="0" fontId="16" fillId="3" borderId="23" xfId="0" applyFont="1" applyFill="1" applyBorder="1">
      <alignment vertical="center"/>
    </xf>
    <xf numFmtId="0" fontId="16" fillId="0" borderId="5" xfId="0" applyFont="1" applyBorder="1" applyAlignment="1">
      <alignment horizontal="center" vertical="center"/>
    </xf>
    <xf numFmtId="0" fontId="16" fillId="0" borderId="64" xfId="0" applyFont="1" applyBorder="1" applyAlignment="1">
      <alignment horizontal="center" vertical="center"/>
    </xf>
    <xf numFmtId="0" fontId="16" fillId="0" borderId="31" xfId="0" applyFont="1" applyBorder="1" applyAlignment="1">
      <alignment horizontal="center" vertical="center"/>
    </xf>
    <xf numFmtId="0" fontId="16" fillId="0" borderId="34" xfId="0" applyFont="1" applyBorder="1" applyAlignment="1">
      <alignment horizontal="center" vertical="center"/>
    </xf>
    <xf numFmtId="0" fontId="23" fillId="4" borderId="31" xfId="0" applyFont="1" applyFill="1" applyBorder="1">
      <alignment vertical="center"/>
    </xf>
    <xf numFmtId="0" fontId="9" fillId="2" borderId="31" xfId="0" applyFont="1" applyFill="1" applyBorder="1">
      <alignment vertical="center"/>
    </xf>
    <xf numFmtId="0" fontId="9" fillId="3" borderId="31" xfId="0" applyFont="1" applyFill="1" applyBorder="1" applyAlignment="1" applyProtection="1">
      <alignment horizontal="center" vertical="center"/>
      <protection locked="0"/>
    </xf>
    <xf numFmtId="0" fontId="9" fillId="2" borderId="31" xfId="0" applyFont="1" applyFill="1" applyBorder="1" applyAlignment="1">
      <alignment horizontal="center" vertical="center"/>
    </xf>
    <xf numFmtId="0" fontId="9" fillId="2" borderId="31" xfId="0" applyFont="1" applyFill="1" applyBorder="1" applyAlignment="1">
      <alignment horizontal="center" vertical="center"/>
    </xf>
    <xf numFmtId="0" fontId="23" fillId="0" borderId="29" xfId="0" applyFont="1" applyBorder="1" applyAlignment="1">
      <alignment vertical="center" shrinkToFit="1"/>
    </xf>
    <xf numFmtId="0" fontId="16" fillId="0" borderId="65" xfId="0" applyFont="1" applyBorder="1" applyAlignment="1">
      <alignment horizontal="center" vertical="center" shrinkToFit="1"/>
    </xf>
    <xf numFmtId="0" fontId="16" fillId="0" borderId="66" xfId="0" applyFont="1" applyBorder="1" applyAlignment="1">
      <alignment horizontal="center" vertical="center" shrinkToFit="1"/>
    </xf>
    <xf numFmtId="0" fontId="16" fillId="3" borderId="65" xfId="0" applyFont="1" applyFill="1" applyBorder="1" applyAlignment="1" applyProtection="1">
      <alignment horizontal="center" vertical="center" shrinkToFit="1"/>
      <protection locked="0"/>
    </xf>
    <xf numFmtId="0" fontId="16" fillId="3" borderId="13" xfId="0" applyFont="1" applyFill="1" applyBorder="1" applyAlignment="1" applyProtection="1">
      <alignment horizontal="center" vertical="center" shrinkToFit="1"/>
      <protection locked="0"/>
    </xf>
    <xf numFmtId="0" fontId="16" fillId="0" borderId="13" xfId="0" applyFont="1" applyBorder="1" applyAlignment="1">
      <alignment vertical="center" shrinkToFit="1"/>
    </xf>
    <xf numFmtId="0" fontId="16" fillId="3" borderId="13" xfId="0" applyFont="1" applyFill="1" applyBorder="1" applyAlignment="1" applyProtection="1">
      <alignment vertical="center" shrinkToFit="1"/>
      <protection locked="0"/>
    </xf>
    <xf numFmtId="0" fontId="16" fillId="3" borderId="23" xfId="0" applyFont="1" applyFill="1" applyBorder="1" applyAlignment="1" applyProtection="1">
      <alignment horizontal="center" vertical="center" shrinkToFit="1"/>
      <protection locked="0"/>
    </xf>
    <xf numFmtId="0" fontId="0" fillId="0" borderId="23" xfId="0" applyBorder="1" applyAlignment="1">
      <alignment horizontal="center" vertical="center" shrinkToFit="1"/>
    </xf>
    <xf numFmtId="0" fontId="0" fillId="0" borderId="23" xfId="0" applyBorder="1">
      <alignment vertical="center"/>
    </xf>
    <xf numFmtId="0" fontId="0" fillId="0" borderId="58" xfId="0" applyBorder="1">
      <alignment vertical="center"/>
    </xf>
    <xf numFmtId="0" fontId="9" fillId="3" borderId="58" xfId="0" applyFont="1" applyFill="1" applyBorder="1" applyAlignment="1" applyProtection="1">
      <alignment horizontal="center" vertical="center"/>
      <protection locked="0"/>
    </xf>
    <xf numFmtId="0" fontId="7" fillId="0" borderId="64" xfId="0" applyFont="1" applyBorder="1" applyAlignment="1">
      <alignment horizontal="center" vertical="center"/>
    </xf>
    <xf numFmtId="0" fontId="7" fillId="0" borderId="5" xfId="0" applyFont="1" applyBorder="1" applyAlignment="1">
      <alignment horizontal="center" vertical="center" wrapText="1"/>
    </xf>
    <xf numFmtId="0" fontId="7" fillId="0" borderId="5" xfId="0" applyFont="1" applyBorder="1" applyAlignment="1">
      <alignment horizontal="center" vertical="center"/>
    </xf>
    <xf numFmtId="0" fontId="7" fillId="0" borderId="31" xfId="0" applyFont="1" applyBorder="1" applyProtection="1">
      <alignment vertical="center"/>
      <protection locked="0"/>
    </xf>
    <xf numFmtId="0" fontId="7" fillId="0" borderId="31" xfId="0" applyFont="1" applyBorder="1" applyAlignment="1" applyProtection="1">
      <alignment horizontal="center" vertical="center"/>
      <protection locked="0"/>
    </xf>
    <xf numFmtId="0" fontId="7" fillId="0" borderId="17" xfId="0" applyFont="1" applyBorder="1" applyProtection="1">
      <alignment vertical="center"/>
      <protection locked="0"/>
    </xf>
    <xf numFmtId="0" fontId="0" fillId="0" borderId="17" xfId="0" applyBorder="1">
      <alignment vertical="center"/>
    </xf>
    <xf numFmtId="0" fontId="7" fillId="0" borderId="16" xfId="0" applyFont="1" applyBorder="1" applyAlignment="1">
      <alignment horizontal="center" vertical="center" wrapText="1"/>
    </xf>
    <xf numFmtId="0" fontId="7" fillId="0" borderId="14" xfId="0" applyFont="1" applyBorder="1" applyAlignment="1">
      <alignment horizontal="center" vertical="center" wrapText="1"/>
    </xf>
    <xf numFmtId="0" fontId="14" fillId="0" borderId="64" xfId="0" applyFont="1" applyBorder="1" applyAlignment="1">
      <alignment horizontal="right" vertical="center"/>
    </xf>
    <xf numFmtId="0" fontId="14" fillId="0" borderId="31" xfId="0" applyFont="1" applyBorder="1">
      <alignment vertical="center"/>
    </xf>
    <xf numFmtId="0" fontId="14" fillId="0" borderId="31" xfId="0" applyFont="1" applyBorder="1" applyAlignment="1">
      <alignment horizontal="right" vertical="center"/>
    </xf>
    <xf numFmtId="0" fontId="0" fillId="0" borderId="0" xfId="0" applyAlignment="1">
      <alignment vertical="center" wrapText="1"/>
    </xf>
    <xf numFmtId="0" fontId="0" fillId="0" borderId="10" xfId="0" applyBorder="1" applyAlignment="1">
      <alignment vertical="center" wrapText="1"/>
    </xf>
    <xf numFmtId="0" fontId="7" fillId="0" borderId="16" xfId="0" applyFont="1" applyBorder="1" applyAlignment="1">
      <alignment horizontal="center" vertical="center"/>
    </xf>
    <xf numFmtId="0" fontId="24" fillId="0" borderId="64" xfId="0" applyFont="1" applyBorder="1" applyAlignment="1">
      <alignment horizontal="center" vertical="center"/>
    </xf>
    <xf numFmtId="0" fontId="0" fillId="0" borderId="34" xfId="0" applyBorder="1" applyAlignment="1">
      <alignment horizontal="center" vertical="center"/>
    </xf>
    <xf numFmtId="0" fontId="7" fillId="0" borderId="31" xfId="0" applyFont="1" applyBorder="1" applyAlignment="1" applyProtection="1">
      <alignment horizontal="left" vertical="center"/>
      <protection locked="0"/>
    </xf>
    <xf numFmtId="0" fontId="7" fillId="0" borderId="13" xfId="0" applyFont="1" applyBorder="1" applyAlignment="1" applyProtection="1">
      <alignment horizontal="left" vertical="center"/>
      <protection locked="0"/>
    </xf>
    <xf numFmtId="0" fontId="14" fillId="0" borderId="13" xfId="0" applyFont="1" applyBorder="1">
      <alignment vertical="center"/>
    </xf>
    <xf numFmtId="0" fontId="7" fillId="0" borderId="0" xfId="0" applyFont="1" applyAlignment="1" applyProtection="1">
      <alignment horizontal="left" vertical="center"/>
      <protection locked="0"/>
    </xf>
    <xf numFmtId="0" fontId="0" fillId="0" borderId="5" xfId="0" applyBorder="1">
      <alignment vertical="center"/>
    </xf>
    <xf numFmtId="0" fontId="16" fillId="3" borderId="64" xfId="0" applyFont="1" applyFill="1" applyBorder="1" applyAlignment="1" applyProtection="1">
      <alignment horizontal="center" vertical="center"/>
      <protection locked="0"/>
    </xf>
    <xf numFmtId="0" fontId="16" fillId="3" borderId="31" xfId="0" applyFont="1" applyFill="1" applyBorder="1" applyAlignment="1" applyProtection="1">
      <alignment horizontal="center" vertical="center"/>
      <protection locked="0"/>
    </xf>
    <xf numFmtId="0" fontId="16" fillId="4" borderId="31" xfId="0" applyFont="1" applyFill="1" applyBorder="1" applyAlignment="1">
      <alignment horizontal="center" vertical="center"/>
    </xf>
    <xf numFmtId="0" fontId="16" fillId="4" borderId="31" xfId="0" applyFont="1" applyFill="1" applyBorder="1">
      <alignment vertical="center"/>
    </xf>
    <xf numFmtId="0" fontId="16" fillId="4" borderId="31" xfId="0" applyFont="1" applyFill="1" applyBorder="1" applyAlignment="1">
      <alignment horizontal="center" vertical="center"/>
    </xf>
    <xf numFmtId="0" fontId="8" fillId="0" borderId="31" xfId="0" applyFont="1" applyBorder="1">
      <alignment vertical="center"/>
    </xf>
    <xf numFmtId="0" fontId="0" fillId="0" borderId="34" xfId="0" applyBorder="1">
      <alignment vertical="center"/>
    </xf>
    <xf numFmtId="0" fontId="25" fillId="0" borderId="64" xfId="0" applyFont="1" applyBorder="1" applyAlignment="1">
      <alignment horizontal="center" vertical="center"/>
    </xf>
    <xf numFmtId="0" fontId="0" fillId="0" borderId="31" xfId="0" applyBorder="1">
      <alignment vertical="center"/>
    </xf>
    <xf numFmtId="0" fontId="7" fillId="0" borderId="10" xfId="0" applyFont="1" applyBorder="1" applyAlignment="1">
      <alignment horizontal="center" vertical="center"/>
    </xf>
    <xf numFmtId="0" fontId="26" fillId="0" borderId="0" xfId="0" applyFont="1" applyAlignment="1">
      <alignment horizontal="center" vertical="center"/>
    </xf>
    <xf numFmtId="0" fontId="26" fillId="0" borderId="41" xfId="0" applyFont="1" applyBorder="1" applyAlignment="1">
      <alignment horizontal="center" vertical="center"/>
    </xf>
    <xf numFmtId="0" fontId="0" fillId="0" borderId="14" xfId="0" applyBorder="1" applyAlignment="1">
      <alignment horizontal="center" vertical="center"/>
    </xf>
    <xf numFmtId="0" fontId="26" fillId="0" borderId="14" xfId="0" applyFont="1" applyBorder="1" applyAlignment="1">
      <alignment horizontal="center" vertical="center"/>
    </xf>
    <xf numFmtId="0" fontId="14" fillId="0" borderId="12" xfId="0" applyFont="1" applyBorder="1" applyAlignment="1">
      <alignment horizontal="center" vertical="center"/>
    </xf>
    <xf numFmtId="0" fontId="27" fillId="0" borderId="13" xfId="0" applyFont="1" applyBorder="1">
      <alignment vertical="center"/>
    </xf>
    <xf numFmtId="0" fontId="14" fillId="0" borderId="13" xfId="0" applyFont="1" applyBorder="1">
      <alignment vertical="center"/>
    </xf>
    <xf numFmtId="0" fontId="0" fillId="0" borderId="5" xfId="0" applyBorder="1" applyAlignment="1">
      <alignment horizontal="center" vertical="center"/>
    </xf>
    <xf numFmtId="0" fontId="7" fillId="3" borderId="67" xfId="0" applyFont="1" applyFill="1" applyBorder="1" applyAlignment="1">
      <alignment horizontal="center" vertical="center"/>
    </xf>
    <xf numFmtId="0" fontId="26" fillId="3" borderId="68" xfId="0" applyFont="1" applyFill="1" applyBorder="1" applyAlignment="1">
      <alignment horizontal="center" vertical="center"/>
    </xf>
    <xf numFmtId="0" fontId="26" fillId="3" borderId="69" xfId="0" applyFont="1" applyFill="1" applyBorder="1" applyAlignment="1">
      <alignment horizontal="center" vertical="center"/>
    </xf>
    <xf numFmtId="0" fontId="16" fillId="3" borderId="67" xfId="0" applyFont="1" applyFill="1" applyBorder="1" applyAlignment="1" applyProtection="1">
      <alignment horizontal="center" vertical="center"/>
      <protection locked="0"/>
    </xf>
    <xf numFmtId="0" fontId="16" fillId="3" borderId="70" xfId="0" applyFont="1" applyFill="1" applyBorder="1" applyAlignment="1" applyProtection="1">
      <alignment horizontal="center" vertical="center"/>
      <protection locked="0"/>
    </xf>
    <xf numFmtId="0" fontId="16" fillId="4" borderId="68" xfId="0" applyFont="1" applyFill="1" applyBorder="1" applyAlignment="1">
      <alignment horizontal="center" vertical="center"/>
    </xf>
    <xf numFmtId="0" fontId="7" fillId="3" borderId="68" xfId="0" applyFont="1" applyFill="1" applyBorder="1" applyAlignment="1" applyProtection="1">
      <alignment horizontal="center" vertical="center"/>
      <protection locked="0"/>
    </xf>
    <xf numFmtId="0" fontId="7" fillId="3" borderId="69" xfId="0" applyFont="1" applyFill="1" applyBorder="1" applyAlignment="1" applyProtection="1">
      <alignment horizontal="center" vertical="center"/>
      <protection locked="0"/>
    </xf>
    <xf numFmtId="0" fontId="7" fillId="3" borderId="70" xfId="0" applyFont="1" applyFill="1" applyBorder="1" applyAlignment="1" applyProtection="1">
      <alignment horizontal="center" vertical="center"/>
      <protection locked="0"/>
    </xf>
    <xf numFmtId="0" fontId="16" fillId="4" borderId="69" xfId="0" applyFont="1" applyFill="1" applyBorder="1" applyAlignment="1">
      <alignment horizontal="center" vertical="center"/>
    </xf>
    <xf numFmtId="0" fontId="26" fillId="3" borderId="67" xfId="0" applyFont="1" applyFill="1" applyBorder="1" applyAlignment="1">
      <alignment horizontal="center" vertical="center"/>
    </xf>
    <xf numFmtId="0" fontId="0" fillId="3" borderId="67" xfId="0" applyFill="1" applyBorder="1" applyAlignment="1">
      <alignment horizontal="center" vertical="center"/>
    </xf>
    <xf numFmtId="0" fontId="28" fillId="0" borderId="16" xfId="0" applyFont="1" applyBorder="1">
      <alignment vertical="center"/>
    </xf>
    <xf numFmtId="0" fontId="27" fillId="0" borderId="17" xfId="0" applyFont="1" applyBorder="1">
      <alignment vertical="center"/>
    </xf>
    <xf numFmtId="0" fontId="7" fillId="0" borderId="10" xfId="0" applyFont="1" applyBorder="1">
      <alignment vertical="center"/>
    </xf>
    <xf numFmtId="0" fontId="26" fillId="0" borderId="11" xfId="0" applyFont="1" applyBorder="1" applyAlignment="1">
      <alignment horizontal="center" vertical="center"/>
    </xf>
    <xf numFmtId="0" fontId="0" fillId="0" borderId="11" xfId="0" applyBorder="1" applyAlignment="1">
      <alignment horizontal="center" vertical="center"/>
    </xf>
    <xf numFmtId="0" fontId="26" fillId="0" borderId="13" xfId="0" applyFont="1" applyBorder="1">
      <alignment vertical="center"/>
    </xf>
    <xf numFmtId="0" fontId="25" fillId="0" borderId="0" xfId="0" applyFont="1">
      <alignment vertical="center"/>
    </xf>
    <xf numFmtId="0" fontId="26" fillId="0" borderId="0" xfId="0" applyFont="1">
      <alignment vertical="center"/>
    </xf>
    <xf numFmtId="0" fontId="8" fillId="0" borderId="0" xfId="0" applyFont="1" applyAlignment="1" applyProtection="1">
      <alignment horizontal="right" vertical="center"/>
      <protection locked="0"/>
    </xf>
  </cellXfs>
  <cellStyles count="3">
    <cellStyle name="ハイパーリンク 2" xfId="2" xr:uid="{08D2335F-1E93-400D-9FDB-F5CF5E7F6289}"/>
    <cellStyle name="通貨" xfId="1" builtinId="7"/>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1</xdr:col>
      <xdr:colOff>95250</xdr:colOff>
      <xdr:row>2</xdr:row>
      <xdr:rowOff>119062</xdr:rowOff>
    </xdr:from>
    <xdr:to>
      <xdr:col>7</xdr:col>
      <xdr:colOff>190499</xdr:colOff>
      <xdr:row>6</xdr:row>
      <xdr:rowOff>250030</xdr:rowOff>
    </xdr:to>
    <xdr:sp macro="" textlink="">
      <xdr:nvSpPr>
        <xdr:cNvPr id="2" name="テキスト ボックス 1">
          <a:extLst>
            <a:ext uri="{FF2B5EF4-FFF2-40B4-BE49-F238E27FC236}">
              <a16:creationId xmlns:a16="http://schemas.microsoft.com/office/drawing/2014/main" id="{21058B54-51E3-46C0-896A-03AAF7B459E0}"/>
            </a:ext>
          </a:extLst>
        </xdr:cNvPr>
        <xdr:cNvSpPr txBox="1"/>
      </xdr:nvSpPr>
      <xdr:spPr>
        <a:xfrm>
          <a:off x="95250" y="766762"/>
          <a:ext cx="2006599" cy="1426368"/>
        </a:xfrm>
        <a:prstGeom prst="rect">
          <a:avLst/>
        </a:prstGeom>
        <a:solidFill>
          <a:schemeClr val="bg1">
            <a:lumMod val="85000"/>
          </a:schemeClr>
        </a:solidFill>
        <a:ln w="19050"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2800" b="1">
              <a:latin typeface="UD デジタル 教科書体 N-B" panose="02020700000000000000" pitchFamily="17" charset="-128"/>
              <a:ea typeface="UD デジタル 教科書体 N-B" panose="02020700000000000000" pitchFamily="17" charset="-128"/>
            </a:rPr>
            <a:t>記入時の</a:t>
          </a:r>
          <a:endParaRPr kumimoji="1" lang="en-US" altLang="ja-JP" sz="2800" b="1">
            <a:latin typeface="UD デジタル 教科書体 N-B" panose="02020700000000000000" pitchFamily="17" charset="-128"/>
            <a:ea typeface="UD デジタル 教科書体 N-B" panose="02020700000000000000" pitchFamily="17" charset="-128"/>
          </a:endParaRPr>
        </a:p>
        <a:p>
          <a:pPr algn="ctr"/>
          <a:r>
            <a:rPr kumimoji="1" lang="ja-JP" altLang="en-US" sz="2800" b="1">
              <a:latin typeface="UD デジタル 教科書体 N-B" panose="02020700000000000000" pitchFamily="17" charset="-128"/>
              <a:ea typeface="UD デジタル 教科書体 N-B" panose="02020700000000000000" pitchFamily="17" charset="-128"/>
            </a:rPr>
            <a:t>注意点</a:t>
          </a:r>
        </a:p>
      </xdr:txBody>
    </xdr:sp>
    <xdr:clientData/>
  </xdr:twoCellAnchor>
  <xdr:twoCellAnchor>
    <xdr:from>
      <xdr:col>8</xdr:col>
      <xdr:colOff>303788</xdr:colOff>
      <xdr:row>2</xdr:row>
      <xdr:rowOff>260803</xdr:rowOff>
    </xdr:from>
    <xdr:to>
      <xdr:col>20</xdr:col>
      <xdr:colOff>215446</xdr:colOff>
      <xdr:row>5</xdr:row>
      <xdr:rowOff>107155</xdr:rowOff>
    </xdr:to>
    <xdr:sp macro="" textlink="">
      <xdr:nvSpPr>
        <xdr:cNvPr id="3" name="正方形/長方形 2">
          <a:extLst>
            <a:ext uri="{FF2B5EF4-FFF2-40B4-BE49-F238E27FC236}">
              <a16:creationId xmlns:a16="http://schemas.microsoft.com/office/drawing/2014/main" id="{B9E6C821-0CA7-4830-BA90-6AF489F0ABCA}"/>
            </a:ext>
          </a:extLst>
        </xdr:cNvPr>
        <xdr:cNvSpPr/>
      </xdr:nvSpPr>
      <xdr:spPr>
        <a:xfrm>
          <a:off x="2704088" y="908503"/>
          <a:ext cx="3943908" cy="817902"/>
        </a:xfrm>
        <a:prstGeom prst="rect">
          <a:avLst/>
        </a:prstGeom>
        <a:solidFill>
          <a:schemeClr val="bg2"/>
        </a:solidFill>
        <a:ln w="57150" cmpd="tri">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lvl="0" algn="l"/>
          <a:r>
            <a:rPr kumimoji="1" lang="en-US" altLang="ja-JP" sz="1600" b="1" u="none">
              <a:solidFill>
                <a:sysClr val="windowText" lastClr="000000"/>
              </a:solidFill>
              <a:latin typeface="UD デジタル 教科書体 N-B" panose="02020700000000000000" pitchFamily="17" charset="-128"/>
              <a:ea typeface="UD デジタル 教科書体 N-B" panose="02020700000000000000" pitchFamily="17" charset="-128"/>
            </a:rPr>
            <a:t>  </a:t>
          </a:r>
          <a:r>
            <a:rPr kumimoji="1" lang="en-US" altLang="ja-JP" sz="1600" b="1" u="sng">
              <a:solidFill>
                <a:sysClr val="windowText" lastClr="000000"/>
              </a:solidFill>
              <a:latin typeface="UD デジタル 教科書体 N-B" panose="02020700000000000000" pitchFamily="17" charset="-128"/>
              <a:ea typeface="UD デジタル 教科書体 N-B" panose="02020700000000000000" pitchFamily="17" charset="-128"/>
            </a:rPr>
            <a:t>※</a:t>
          </a:r>
          <a:r>
            <a:rPr kumimoji="1" lang="ja-JP" altLang="en-US" sz="1600" b="1" u="sng">
              <a:solidFill>
                <a:sysClr val="windowText" lastClr="000000"/>
              </a:solidFill>
              <a:latin typeface="UD デジタル 教科書体 N-B" panose="02020700000000000000" pitchFamily="17" charset="-128"/>
              <a:ea typeface="UD デジタル 教科書体 N-B" panose="02020700000000000000" pitchFamily="17" charset="-128"/>
            </a:rPr>
            <a:t>保護者の自筆・入力不可</a:t>
          </a:r>
          <a:endParaRPr kumimoji="1" lang="en-US" altLang="ja-JP" sz="1600" b="1" u="sng">
            <a:solidFill>
              <a:sysClr val="windowText" lastClr="000000"/>
            </a:solidFill>
            <a:latin typeface="UD デジタル 教科書体 N-B" panose="02020700000000000000" pitchFamily="17" charset="-128"/>
            <a:ea typeface="UD デジタル 教科書体 N-B" panose="02020700000000000000" pitchFamily="17" charset="-128"/>
          </a:endParaRPr>
        </a:p>
        <a:p>
          <a:pPr lvl="0" algn="l"/>
          <a:r>
            <a:rPr kumimoji="1" lang="ja-JP" altLang="en-US" sz="1600" b="1" u="none">
              <a:solidFill>
                <a:sysClr val="windowText" lastClr="000000"/>
              </a:solidFill>
              <a:latin typeface="UD デジタル 教科書体 N-B" panose="02020700000000000000" pitchFamily="17" charset="-128"/>
              <a:ea typeface="UD デジタル 教科書体 N-B" panose="02020700000000000000" pitchFamily="17" charset="-128"/>
            </a:rPr>
            <a:t>  </a:t>
          </a:r>
          <a:r>
            <a:rPr kumimoji="1" lang="ja-JP" altLang="en-US" sz="1600" b="1" u="sng">
              <a:solidFill>
                <a:sysClr val="windowText" lastClr="000000"/>
              </a:solidFill>
              <a:latin typeface="UD デジタル 教科書体 N-B" panose="02020700000000000000" pitchFamily="17" charset="-128"/>
              <a:ea typeface="UD デジタル 教科書体 N-B" panose="02020700000000000000" pitchFamily="17" charset="-128"/>
            </a:rPr>
            <a:t>必ず勤務先の証明をうけてください。</a:t>
          </a:r>
          <a:endParaRPr kumimoji="1" lang="en-US" altLang="ja-JP" sz="1600" b="1" u="sng">
            <a:solidFill>
              <a:sysClr val="windowText" lastClr="000000"/>
            </a:solidFill>
            <a:latin typeface="UD デジタル 教科書体 N-B" panose="02020700000000000000" pitchFamily="17" charset="-128"/>
            <a:ea typeface="UD デジタル 教科書体 N-B" panose="02020700000000000000" pitchFamily="17" charset="-128"/>
          </a:endParaRPr>
        </a:p>
      </xdr:txBody>
    </xdr:sp>
    <xdr:clientData/>
  </xdr:twoCellAnchor>
  <xdr:twoCellAnchor>
    <xdr:from>
      <xdr:col>8</xdr:col>
      <xdr:colOff>285744</xdr:colOff>
      <xdr:row>5</xdr:row>
      <xdr:rowOff>281484</xdr:rowOff>
    </xdr:from>
    <xdr:to>
      <xdr:col>20</xdr:col>
      <xdr:colOff>202406</xdr:colOff>
      <xdr:row>8</xdr:row>
      <xdr:rowOff>238125</xdr:rowOff>
    </xdr:to>
    <xdr:sp macro="" textlink="">
      <xdr:nvSpPr>
        <xdr:cNvPr id="4" name="正方形/長方形 3">
          <a:extLst>
            <a:ext uri="{FF2B5EF4-FFF2-40B4-BE49-F238E27FC236}">
              <a16:creationId xmlns:a16="http://schemas.microsoft.com/office/drawing/2014/main" id="{2CC2A440-1CC1-44EA-9A92-38ECD9923ED4}"/>
            </a:ext>
          </a:extLst>
        </xdr:cNvPr>
        <xdr:cNvSpPr/>
      </xdr:nvSpPr>
      <xdr:spPr>
        <a:xfrm>
          <a:off x="2686044" y="1900734"/>
          <a:ext cx="3948912" cy="928191"/>
        </a:xfrm>
        <a:prstGeom prst="rect">
          <a:avLst/>
        </a:prstGeom>
        <a:solidFill>
          <a:schemeClr val="bg2"/>
        </a:solidFill>
        <a:ln w="57150" cmpd="tri">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lvl="0" algn="l"/>
          <a:r>
            <a:rPr kumimoji="1" lang="en-US" altLang="ja-JP" sz="1600" b="1" u="none">
              <a:solidFill>
                <a:sysClr val="windowText" lastClr="000000"/>
              </a:solidFill>
              <a:latin typeface="UD デジタル 教科書体 N-B" panose="02020700000000000000" pitchFamily="17" charset="-128"/>
              <a:ea typeface="UD デジタル 教科書体 N-B" panose="02020700000000000000" pitchFamily="17" charset="-128"/>
            </a:rPr>
            <a:t>  </a:t>
          </a:r>
          <a:r>
            <a:rPr kumimoji="1" lang="en-US" altLang="ja-JP" sz="1600" b="1" u="sng">
              <a:solidFill>
                <a:sysClr val="windowText" lastClr="000000"/>
              </a:solidFill>
              <a:latin typeface="UD デジタル 教科書体 N-B" panose="02020700000000000000" pitchFamily="17" charset="-128"/>
              <a:ea typeface="UD デジタル 教科書体 N-B" panose="02020700000000000000" pitchFamily="17" charset="-128"/>
            </a:rPr>
            <a:t>※</a:t>
          </a:r>
          <a:r>
            <a:rPr kumimoji="1" lang="ja-JP" altLang="en-US" sz="1600" b="1" u="sng">
              <a:solidFill>
                <a:sysClr val="windowText" lastClr="000000"/>
              </a:solidFill>
              <a:latin typeface="UD デジタル 教科書体 N-B" panose="02020700000000000000" pitchFamily="17" charset="-128"/>
              <a:ea typeface="UD デジタル 教科書体 N-B" panose="02020700000000000000" pitchFamily="17" charset="-128"/>
            </a:rPr>
            <a:t>修正テープ不可</a:t>
          </a:r>
          <a:endParaRPr kumimoji="1" lang="en-US" altLang="ja-JP" sz="1600" b="1" u="sng">
            <a:solidFill>
              <a:sysClr val="windowText" lastClr="000000"/>
            </a:solidFill>
            <a:latin typeface="UD デジタル 教科書体 N-B" panose="02020700000000000000" pitchFamily="17" charset="-128"/>
            <a:ea typeface="UD デジタル 教科書体 N-B" panose="02020700000000000000" pitchFamily="17" charset="-128"/>
          </a:endParaRPr>
        </a:p>
        <a:p>
          <a:pPr lvl="0" algn="l"/>
          <a:r>
            <a:rPr kumimoji="1" lang="ja-JP" altLang="en-US" sz="1600" b="1" u="none">
              <a:solidFill>
                <a:sysClr val="windowText" lastClr="000000"/>
              </a:solidFill>
              <a:latin typeface="UD デジタル 教科書体 N-B" panose="02020700000000000000" pitchFamily="17" charset="-128"/>
              <a:ea typeface="UD デジタル 教科書体 N-B" panose="02020700000000000000" pitchFamily="17" charset="-128"/>
            </a:rPr>
            <a:t>  </a:t>
          </a:r>
          <a:r>
            <a:rPr kumimoji="1" lang="ja-JP" altLang="en-US" sz="1600" b="1" u="sng">
              <a:solidFill>
                <a:sysClr val="windowText" lastClr="000000"/>
              </a:solidFill>
              <a:latin typeface="UD デジタル 教科書体 N-B" panose="02020700000000000000" pitchFamily="17" charset="-128"/>
              <a:ea typeface="UD デジタル 教科書体 N-B" panose="02020700000000000000" pitchFamily="17" charset="-128"/>
            </a:rPr>
            <a:t>修正する際は訂正印で修正ください。</a:t>
          </a:r>
        </a:p>
      </xdr:txBody>
    </xdr:sp>
    <xdr:clientData/>
  </xdr:twoCellAnchor>
  <xdr:twoCellAnchor>
    <xdr:from>
      <xdr:col>7</xdr:col>
      <xdr:colOff>452438</xdr:colOff>
      <xdr:row>18</xdr:row>
      <xdr:rowOff>357187</xdr:rowOff>
    </xdr:from>
    <xdr:to>
      <xdr:col>12</xdr:col>
      <xdr:colOff>0</xdr:colOff>
      <xdr:row>20</xdr:row>
      <xdr:rowOff>35718</xdr:rowOff>
    </xdr:to>
    <xdr:sp macro="" textlink="">
      <xdr:nvSpPr>
        <xdr:cNvPr id="5" name="正方形/長方形 4">
          <a:extLst>
            <a:ext uri="{FF2B5EF4-FFF2-40B4-BE49-F238E27FC236}">
              <a16:creationId xmlns:a16="http://schemas.microsoft.com/office/drawing/2014/main" id="{338C8A5F-961C-4032-9A64-802C4BDD802A}"/>
            </a:ext>
          </a:extLst>
        </xdr:cNvPr>
        <xdr:cNvSpPr/>
      </xdr:nvSpPr>
      <xdr:spPr>
        <a:xfrm>
          <a:off x="2363788" y="6186487"/>
          <a:ext cx="1477962" cy="529431"/>
        </a:xfrm>
        <a:prstGeom prst="rect">
          <a:avLst/>
        </a:prstGeom>
        <a:noFill/>
        <a:ln w="57150">
          <a:solidFill>
            <a:schemeClr val="tx2"/>
          </a:solidFill>
          <a:prstDash val="sysDot"/>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8</xdr:col>
      <xdr:colOff>342900</xdr:colOff>
      <xdr:row>18</xdr:row>
      <xdr:rowOff>378618</xdr:rowOff>
    </xdr:from>
    <xdr:to>
      <xdr:col>34</xdr:col>
      <xdr:colOff>226218</xdr:colOff>
      <xdr:row>20</xdr:row>
      <xdr:rowOff>57149</xdr:rowOff>
    </xdr:to>
    <xdr:sp macro="" textlink="">
      <xdr:nvSpPr>
        <xdr:cNvPr id="6" name="正方形/長方形 5">
          <a:extLst>
            <a:ext uri="{FF2B5EF4-FFF2-40B4-BE49-F238E27FC236}">
              <a16:creationId xmlns:a16="http://schemas.microsoft.com/office/drawing/2014/main" id="{72ECA76F-6D1E-4641-928F-AC727A6FA4A9}"/>
            </a:ext>
          </a:extLst>
        </xdr:cNvPr>
        <xdr:cNvSpPr/>
      </xdr:nvSpPr>
      <xdr:spPr>
        <a:xfrm>
          <a:off x="6121400" y="6207918"/>
          <a:ext cx="5071268" cy="529431"/>
        </a:xfrm>
        <a:prstGeom prst="rect">
          <a:avLst/>
        </a:prstGeom>
        <a:noFill/>
        <a:ln w="57150">
          <a:solidFill>
            <a:schemeClr val="tx2"/>
          </a:solidFill>
          <a:prstDash val="sysDot"/>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5</xdr:col>
      <xdr:colOff>90714</xdr:colOff>
      <xdr:row>4</xdr:row>
      <xdr:rowOff>136072</xdr:rowOff>
    </xdr:from>
    <xdr:to>
      <xdr:col>37</xdr:col>
      <xdr:colOff>47625</xdr:colOff>
      <xdr:row>9</xdr:row>
      <xdr:rowOff>142874</xdr:rowOff>
    </xdr:to>
    <xdr:sp macro="" textlink="">
      <xdr:nvSpPr>
        <xdr:cNvPr id="7" name="吹き出し: 角を丸めた四角形 3">
          <a:extLst>
            <a:ext uri="{FF2B5EF4-FFF2-40B4-BE49-F238E27FC236}">
              <a16:creationId xmlns:a16="http://schemas.microsoft.com/office/drawing/2014/main" id="{8A27E6D1-3FE0-4E1F-8193-864FBF8C2C96}"/>
            </a:ext>
          </a:extLst>
        </xdr:cNvPr>
        <xdr:cNvSpPr/>
      </xdr:nvSpPr>
      <xdr:spPr>
        <a:xfrm>
          <a:off x="8231414" y="1431472"/>
          <a:ext cx="3925661" cy="1626052"/>
        </a:xfrm>
        <a:prstGeom prst="wedgeRoundRectCallout">
          <a:avLst>
            <a:gd name="adj1" fmla="val -60061"/>
            <a:gd name="adj2" fmla="val 17981"/>
            <a:gd name="adj3" fmla="val 16667"/>
          </a:avLst>
        </a:prstGeom>
        <a:solidFill>
          <a:schemeClr val="bg2"/>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600" b="1">
              <a:solidFill>
                <a:schemeClr val="tx1"/>
              </a:solidFill>
              <a:latin typeface="UD デジタル 教科書体 N-B" panose="02020700000000000000" pitchFamily="17" charset="-128"/>
              <a:ea typeface="UD デジタル 教科書体 N-B" panose="02020700000000000000" pitchFamily="17" charset="-128"/>
            </a:rPr>
            <a:t>※</a:t>
          </a:r>
          <a:r>
            <a:rPr kumimoji="1" lang="ja-JP" altLang="en-US" sz="1400" b="0">
              <a:solidFill>
                <a:schemeClr val="tx1"/>
              </a:solidFill>
              <a:latin typeface="UD デジタル 教科書体 N-B" panose="02020700000000000000" pitchFamily="17" charset="-128"/>
              <a:ea typeface="UD デジタル 教科書体 N-B" panose="02020700000000000000" pitchFamily="17" charset="-128"/>
            </a:rPr>
            <a:t>印不要</a:t>
          </a:r>
          <a:endParaRPr kumimoji="1" lang="en-US" altLang="ja-JP" sz="1600" b="0">
            <a:solidFill>
              <a:schemeClr val="tx1"/>
            </a:solidFill>
            <a:latin typeface="UD デジタル 教科書体 N-B" panose="02020700000000000000" pitchFamily="17" charset="-128"/>
            <a:ea typeface="UD デジタル 教科書体 N-B" panose="02020700000000000000" pitchFamily="17" charset="-128"/>
          </a:endParaRPr>
        </a:p>
        <a:p>
          <a:pPr algn="l"/>
          <a:r>
            <a:rPr kumimoji="1" lang="ja-JP" altLang="en-US" sz="1600" b="1">
              <a:solidFill>
                <a:schemeClr val="tx1"/>
              </a:solidFill>
              <a:latin typeface="UD デジタル 教科書体 N-B" panose="02020700000000000000" pitchFamily="17" charset="-128"/>
              <a:ea typeface="UD デジタル 教科書体 N-B" panose="02020700000000000000" pitchFamily="17" charset="-128"/>
            </a:rPr>
            <a:t>記入担当者名</a:t>
          </a:r>
          <a:r>
            <a:rPr kumimoji="1" lang="ja-JP" altLang="en-US" sz="1400">
              <a:solidFill>
                <a:schemeClr val="tx1"/>
              </a:solidFill>
              <a:latin typeface="UD デジタル 教科書体 N-B" panose="02020700000000000000" pitchFamily="17" charset="-128"/>
              <a:ea typeface="UD デジタル 教科書体 N-B" panose="02020700000000000000" pitchFamily="17" charset="-128"/>
            </a:rPr>
            <a:t>、</a:t>
          </a:r>
          <a:r>
            <a:rPr kumimoji="1" lang="ja-JP" altLang="en-US" sz="1600" b="1">
              <a:solidFill>
                <a:schemeClr val="tx1"/>
              </a:solidFill>
              <a:latin typeface="UD デジタル 教科書体 N-B" panose="02020700000000000000" pitchFamily="17" charset="-128"/>
              <a:ea typeface="UD デジタル 教科書体 N-B" panose="02020700000000000000" pitchFamily="17" charset="-128"/>
            </a:rPr>
            <a:t>記載者連絡先</a:t>
          </a:r>
          <a:r>
            <a:rPr kumimoji="1" lang="ja-JP" altLang="en-US" sz="1400">
              <a:solidFill>
                <a:schemeClr val="tx1"/>
              </a:solidFill>
              <a:latin typeface="UD デジタル 教科書体 N-B" panose="02020700000000000000" pitchFamily="17" charset="-128"/>
              <a:ea typeface="UD デジタル 教科書体 N-B" panose="02020700000000000000" pitchFamily="17" charset="-128"/>
            </a:rPr>
            <a:t>　</a:t>
          </a:r>
          <a:r>
            <a:rPr kumimoji="1" lang="ja-JP" altLang="en-US" sz="1600">
              <a:solidFill>
                <a:schemeClr val="tx1"/>
              </a:solidFill>
              <a:latin typeface="UD デジタル 教科書体 N-B" panose="02020700000000000000" pitchFamily="17" charset="-128"/>
              <a:ea typeface="UD デジタル 教科書体 N-B" panose="02020700000000000000" pitchFamily="17" charset="-128"/>
            </a:rPr>
            <a:t>記載必須</a:t>
          </a:r>
          <a:endParaRPr kumimoji="1" lang="en-US" altLang="ja-JP" sz="1400">
            <a:solidFill>
              <a:schemeClr val="tx1"/>
            </a:solidFill>
            <a:latin typeface="UD デジタル 教科書体 N-B" panose="02020700000000000000" pitchFamily="17" charset="-128"/>
            <a:ea typeface="UD デジタル 教科書体 N-B" panose="02020700000000000000" pitchFamily="17" charset="-128"/>
          </a:endParaRPr>
        </a:p>
        <a:p>
          <a:pPr algn="l"/>
          <a:r>
            <a:rPr kumimoji="1" lang="ja-JP" altLang="en-US" sz="1400">
              <a:solidFill>
                <a:schemeClr val="tx1"/>
              </a:solidFill>
              <a:latin typeface="UD デジタル 教科書体 N-B" panose="02020700000000000000" pitchFamily="17" charset="-128"/>
              <a:ea typeface="UD デジタル 教科書体 N-B" panose="02020700000000000000" pitchFamily="17" charset="-128"/>
            </a:rPr>
            <a:t>（</a:t>
          </a:r>
          <a:r>
            <a:rPr kumimoji="1" lang="ja-JP" altLang="en-US" sz="1400" b="1">
              <a:solidFill>
                <a:schemeClr val="tx1"/>
              </a:solidFill>
              <a:latin typeface="UD デジタル 教科書体 N-B" panose="02020700000000000000" pitchFamily="17" charset="-128"/>
              <a:ea typeface="UD デジタル 教科書体 N-B" panose="02020700000000000000" pitchFamily="17" charset="-128"/>
            </a:rPr>
            <a:t>連絡確認する場合があります</a:t>
          </a:r>
          <a:r>
            <a:rPr kumimoji="1" lang="ja-JP" altLang="en-US" sz="1400">
              <a:solidFill>
                <a:schemeClr val="tx1"/>
              </a:solidFill>
              <a:latin typeface="UD デジタル 教科書体 N-B" panose="02020700000000000000" pitchFamily="17" charset="-128"/>
              <a:ea typeface="UD デジタル 教科書体 N-B" panose="02020700000000000000" pitchFamily="17" charset="-128"/>
            </a:rPr>
            <a:t>）</a:t>
          </a:r>
        </a:p>
      </xdr:txBody>
    </xdr:sp>
    <xdr:clientData/>
  </xdr:twoCellAnchor>
  <xdr:twoCellAnchor>
    <xdr:from>
      <xdr:col>20</xdr:col>
      <xdr:colOff>206372</xdr:colOff>
      <xdr:row>20</xdr:row>
      <xdr:rowOff>268741</xdr:rowOff>
    </xdr:from>
    <xdr:to>
      <xdr:col>30</xdr:col>
      <xdr:colOff>283480</xdr:colOff>
      <xdr:row>22</xdr:row>
      <xdr:rowOff>292554</xdr:rowOff>
    </xdr:to>
    <xdr:sp macro="" textlink="">
      <xdr:nvSpPr>
        <xdr:cNvPr id="8" name="吹き出し: 角を丸めた四角形 13">
          <a:extLst>
            <a:ext uri="{FF2B5EF4-FFF2-40B4-BE49-F238E27FC236}">
              <a16:creationId xmlns:a16="http://schemas.microsoft.com/office/drawing/2014/main" id="{F460EEB0-83EF-407A-95FF-45F6656C4F7A}"/>
            </a:ext>
          </a:extLst>
        </xdr:cNvPr>
        <xdr:cNvSpPr/>
      </xdr:nvSpPr>
      <xdr:spPr>
        <a:xfrm>
          <a:off x="6638922" y="6948941"/>
          <a:ext cx="3366408" cy="671513"/>
        </a:xfrm>
        <a:prstGeom prst="wedgeRoundRectCallout">
          <a:avLst>
            <a:gd name="adj1" fmla="val -20233"/>
            <a:gd name="adj2" fmla="val -89726"/>
            <a:gd name="adj3" fmla="val 16667"/>
          </a:avLst>
        </a:prstGeom>
        <a:solidFill>
          <a:schemeClr val="bg2"/>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72000" tIns="0" rIns="0" bIns="0" rtlCol="0" anchor="ctr"/>
        <a:lstStyle/>
        <a:p>
          <a:pPr algn="l"/>
          <a:r>
            <a:rPr kumimoji="1" lang="ja-JP" altLang="en-US" sz="1600">
              <a:solidFill>
                <a:schemeClr val="tx1"/>
              </a:solidFill>
              <a:latin typeface="UD デジタル 教科書体 N-B" panose="02020700000000000000" pitchFamily="17" charset="-128"/>
              <a:ea typeface="UD デジタル 教科書体 N-B" panose="02020700000000000000" pitchFamily="17" charset="-128"/>
            </a:rPr>
            <a:t>就労開始日を</a:t>
          </a:r>
          <a:r>
            <a:rPr kumimoji="1" lang="ja-JP" altLang="en-US" sz="1600" b="1">
              <a:solidFill>
                <a:schemeClr val="tx1"/>
              </a:solidFill>
              <a:latin typeface="UD デジタル 教科書体 N-B" panose="02020700000000000000" pitchFamily="17" charset="-128"/>
              <a:ea typeface="UD デジタル 教科書体 N-B" panose="02020700000000000000" pitchFamily="17" charset="-128"/>
            </a:rPr>
            <a:t>必ず</a:t>
          </a:r>
          <a:r>
            <a:rPr kumimoji="1" lang="ja-JP" altLang="en-US" sz="1600">
              <a:solidFill>
                <a:schemeClr val="tx1"/>
              </a:solidFill>
              <a:latin typeface="UD デジタル 教科書体 N-B" panose="02020700000000000000" pitchFamily="17" charset="-128"/>
              <a:ea typeface="UD デジタル 教科書体 N-B" panose="02020700000000000000" pitchFamily="17" charset="-128"/>
            </a:rPr>
            <a:t>ご記入ください。</a:t>
          </a:r>
          <a:endParaRPr kumimoji="1" lang="en-US" altLang="ja-JP" sz="1600">
            <a:solidFill>
              <a:schemeClr val="tx1"/>
            </a:solidFill>
            <a:latin typeface="UD デジタル 教科書体 N-B" panose="02020700000000000000" pitchFamily="17" charset="-128"/>
            <a:ea typeface="UD デジタル 教科書体 N-B" panose="02020700000000000000" pitchFamily="17" charset="-128"/>
          </a:endParaRPr>
        </a:p>
      </xdr:txBody>
    </xdr:sp>
    <xdr:clientData/>
  </xdr:twoCellAnchor>
  <xdr:twoCellAnchor>
    <xdr:from>
      <xdr:col>8</xdr:col>
      <xdr:colOff>52161</xdr:colOff>
      <xdr:row>19</xdr:row>
      <xdr:rowOff>399369</xdr:rowOff>
    </xdr:from>
    <xdr:to>
      <xdr:col>22</xdr:col>
      <xdr:colOff>306161</xdr:colOff>
      <xdr:row>45</xdr:row>
      <xdr:rowOff>62031</xdr:rowOff>
    </xdr:to>
    <xdr:sp macro="" textlink="">
      <xdr:nvSpPr>
        <xdr:cNvPr id="9" name="吹き出し: 角を丸めた四角形 17">
          <a:extLst>
            <a:ext uri="{FF2B5EF4-FFF2-40B4-BE49-F238E27FC236}">
              <a16:creationId xmlns:a16="http://schemas.microsoft.com/office/drawing/2014/main" id="{C7D92696-3A8E-4E26-97B8-6E1AFF92B679}"/>
            </a:ext>
          </a:extLst>
        </xdr:cNvPr>
        <xdr:cNvSpPr/>
      </xdr:nvSpPr>
      <xdr:spPr>
        <a:xfrm>
          <a:off x="2452461" y="6654119"/>
          <a:ext cx="5060950" cy="8863812"/>
        </a:xfrm>
        <a:custGeom>
          <a:avLst/>
          <a:gdLst>
            <a:gd name="connsiteX0" fmla="*/ 0 w 5129893"/>
            <a:gd name="connsiteY0" fmla="*/ 270501 h 1622976"/>
            <a:gd name="connsiteX1" fmla="*/ 270501 w 5129893"/>
            <a:gd name="connsiteY1" fmla="*/ 0 h 1622976"/>
            <a:gd name="connsiteX2" fmla="*/ 854982 w 5129893"/>
            <a:gd name="connsiteY2" fmla="*/ 0 h 1622976"/>
            <a:gd name="connsiteX3" fmla="*/ 1217683 w 5129893"/>
            <a:gd name="connsiteY3" fmla="*/ -3013753 h 1622976"/>
            <a:gd name="connsiteX4" fmla="*/ 2137455 w 5129893"/>
            <a:gd name="connsiteY4" fmla="*/ 0 h 1622976"/>
            <a:gd name="connsiteX5" fmla="*/ 4859392 w 5129893"/>
            <a:gd name="connsiteY5" fmla="*/ 0 h 1622976"/>
            <a:gd name="connsiteX6" fmla="*/ 5129893 w 5129893"/>
            <a:gd name="connsiteY6" fmla="*/ 270501 h 1622976"/>
            <a:gd name="connsiteX7" fmla="*/ 5129893 w 5129893"/>
            <a:gd name="connsiteY7" fmla="*/ 270496 h 1622976"/>
            <a:gd name="connsiteX8" fmla="*/ 5129893 w 5129893"/>
            <a:gd name="connsiteY8" fmla="*/ 270496 h 1622976"/>
            <a:gd name="connsiteX9" fmla="*/ 5129893 w 5129893"/>
            <a:gd name="connsiteY9" fmla="*/ 676240 h 1622976"/>
            <a:gd name="connsiteX10" fmla="*/ 5129893 w 5129893"/>
            <a:gd name="connsiteY10" fmla="*/ 1352475 h 1622976"/>
            <a:gd name="connsiteX11" fmla="*/ 4859392 w 5129893"/>
            <a:gd name="connsiteY11" fmla="*/ 1622976 h 1622976"/>
            <a:gd name="connsiteX12" fmla="*/ 2137455 w 5129893"/>
            <a:gd name="connsiteY12" fmla="*/ 1622976 h 1622976"/>
            <a:gd name="connsiteX13" fmla="*/ 854982 w 5129893"/>
            <a:gd name="connsiteY13" fmla="*/ 1622976 h 1622976"/>
            <a:gd name="connsiteX14" fmla="*/ 854982 w 5129893"/>
            <a:gd name="connsiteY14" fmla="*/ 1622976 h 1622976"/>
            <a:gd name="connsiteX15" fmla="*/ 270501 w 5129893"/>
            <a:gd name="connsiteY15" fmla="*/ 1622976 h 1622976"/>
            <a:gd name="connsiteX16" fmla="*/ 0 w 5129893"/>
            <a:gd name="connsiteY16" fmla="*/ 1352475 h 1622976"/>
            <a:gd name="connsiteX17" fmla="*/ 0 w 5129893"/>
            <a:gd name="connsiteY17" fmla="*/ 676240 h 1622976"/>
            <a:gd name="connsiteX18" fmla="*/ 0 w 5129893"/>
            <a:gd name="connsiteY18" fmla="*/ 270496 h 1622976"/>
            <a:gd name="connsiteX19" fmla="*/ 0 w 5129893"/>
            <a:gd name="connsiteY19" fmla="*/ 270496 h 1622976"/>
            <a:gd name="connsiteX20" fmla="*/ 0 w 5129893"/>
            <a:gd name="connsiteY20" fmla="*/ 270501 h 1622976"/>
            <a:gd name="connsiteX0" fmla="*/ 0 w 5129893"/>
            <a:gd name="connsiteY0" fmla="*/ 3284254 h 4636729"/>
            <a:gd name="connsiteX1" fmla="*/ 270501 w 5129893"/>
            <a:gd name="connsiteY1" fmla="*/ 3013753 h 4636729"/>
            <a:gd name="connsiteX2" fmla="*/ 854982 w 5129893"/>
            <a:gd name="connsiteY2" fmla="*/ 3013753 h 4636729"/>
            <a:gd name="connsiteX3" fmla="*/ 1217683 w 5129893"/>
            <a:gd name="connsiteY3" fmla="*/ 0 h 4636729"/>
            <a:gd name="connsiteX4" fmla="*/ 1763259 w 5129893"/>
            <a:gd name="connsiteY4" fmla="*/ 2991074 h 4636729"/>
            <a:gd name="connsiteX5" fmla="*/ 4859392 w 5129893"/>
            <a:gd name="connsiteY5" fmla="*/ 3013753 h 4636729"/>
            <a:gd name="connsiteX6" fmla="*/ 5129893 w 5129893"/>
            <a:gd name="connsiteY6" fmla="*/ 3284254 h 4636729"/>
            <a:gd name="connsiteX7" fmla="*/ 5129893 w 5129893"/>
            <a:gd name="connsiteY7" fmla="*/ 3284249 h 4636729"/>
            <a:gd name="connsiteX8" fmla="*/ 5129893 w 5129893"/>
            <a:gd name="connsiteY8" fmla="*/ 3284249 h 4636729"/>
            <a:gd name="connsiteX9" fmla="*/ 5129893 w 5129893"/>
            <a:gd name="connsiteY9" fmla="*/ 3689993 h 4636729"/>
            <a:gd name="connsiteX10" fmla="*/ 5129893 w 5129893"/>
            <a:gd name="connsiteY10" fmla="*/ 4366228 h 4636729"/>
            <a:gd name="connsiteX11" fmla="*/ 4859392 w 5129893"/>
            <a:gd name="connsiteY11" fmla="*/ 4636729 h 4636729"/>
            <a:gd name="connsiteX12" fmla="*/ 2137455 w 5129893"/>
            <a:gd name="connsiteY12" fmla="*/ 4636729 h 4636729"/>
            <a:gd name="connsiteX13" fmla="*/ 854982 w 5129893"/>
            <a:gd name="connsiteY13" fmla="*/ 4636729 h 4636729"/>
            <a:gd name="connsiteX14" fmla="*/ 854982 w 5129893"/>
            <a:gd name="connsiteY14" fmla="*/ 4636729 h 4636729"/>
            <a:gd name="connsiteX15" fmla="*/ 270501 w 5129893"/>
            <a:gd name="connsiteY15" fmla="*/ 4636729 h 4636729"/>
            <a:gd name="connsiteX16" fmla="*/ 0 w 5129893"/>
            <a:gd name="connsiteY16" fmla="*/ 4366228 h 4636729"/>
            <a:gd name="connsiteX17" fmla="*/ 0 w 5129893"/>
            <a:gd name="connsiteY17" fmla="*/ 3689993 h 4636729"/>
            <a:gd name="connsiteX18" fmla="*/ 0 w 5129893"/>
            <a:gd name="connsiteY18" fmla="*/ 3284249 h 4636729"/>
            <a:gd name="connsiteX19" fmla="*/ 0 w 5129893"/>
            <a:gd name="connsiteY19" fmla="*/ 3284249 h 4636729"/>
            <a:gd name="connsiteX20" fmla="*/ 0 w 5129893"/>
            <a:gd name="connsiteY20" fmla="*/ 3284254 h 4636729"/>
            <a:gd name="connsiteX0" fmla="*/ 0 w 5129893"/>
            <a:gd name="connsiteY0" fmla="*/ 3284254 h 4636729"/>
            <a:gd name="connsiteX1" fmla="*/ 270501 w 5129893"/>
            <a:gd name="connsiteY1" fmla="*/ 3013753 h 4636729"/>
            <a:gd name="connsiteX2" fmla="*/ 854982 w 5129893"/>
            <a:gd name="connsiteY2" fmla="*/ 3013753 h 4636729"/>
            <a:gd name="connsiteX3" fmla="*/ 1217683 w 5129893"/>
            <a:gd name="connsiteY3" fmla="*/ 0 h 4636729"/>
            <a:gd name="connsiteX4" fmla="*/ 1797277 w 5129893"/>
            <a:gd name="connsiteY4" fmla="*/ 2979735 h 4636729"/>
            <a:gd name="connsiteX5" fmla="*/ 4859392 w 5129893"/>
            <a:gd name="connsiteY5" fmla="*/ 3013753 h 4636729"/>
            <a:gd name="connsiteX6" fmla="*/ 5129893 w 5129893"/>
            <a:gd name="connsiteY6" fmla="*/ 3284254 h 4636729"/>
            <a:gd name="connsiteX7" fmla="*/ 5129893 w 5129893"/>
            <a:gd name="connsiteY7" fmla="*/ 3284249 h 4636729"/>
            <a:gd name="connsiteX8" fmla="*/ 5129893 w 5129893"/>
            <a:gd name="connsiteY8" fmla="*/ 3284249 h 4636729"/>
            <a:gd name="connsiteX9" fmla="*/ 5129893 w 5129893"/>
            <a:gd name="connsiteY9" fmla="*/ 3689993 h 4636729"/>
            <a:gd name="connsiteX10" fmla="*/ 5129893 w 5129893"/>
            <a:gd name="connsiteY10" fmla="*/ 4366228 h 4636729"/>
            <a:gd name="connsiteX11" fmla="*/ 4859392 w 5129893"/>
            <a:gd name="connsiteY11" fmla="*/ 4636729 h 4636729"/>
            <a:gd name="connsiteX12" fmla="*/ 2137455 w 5129893"/>
            <a:gd name="connsiteY12" fmla="*/ 4636729 h 4636729"/>
            <a:gd name="connsiteX13" fmla="*/ 854982 w 5129893"/>
            <a:gd name="connsiteY13" fmla="*/ 4636729 h 4636729"/>
            <a:gd name="connsiteX14" fmla="*/ 854982 w 5129893"/>
            <a:gd name="connsiteY14" fmla="*/ 4636729 h 4636729"/>
            <a:gd name="connsiteX15" fmla="*/ 270501 w 5129893"/>
            <a:gd name="connsiteY15" fmla="*/ 4636729 h 4636729"/>
            <a:gd name="connsiteX16" fmla="*/ 0 w 5129893"/>
            <a:gd name="connsiteY16" fmla="*/ 4366228 h 4636729"/>
            <a:gd name="connsiteX17" fmla="*/ 0 w 5129893"/>
            <a:gd name="connsiteY17" fmla="*/ 3689993 h 4636729"/>
            <a:gd name="connsiteX18" fmla="*/ 0 w 5129893"/>
            <a:gd name="connsiteY18" fmla="*/ 3284249 h 4636729"/>
            <a:gd name="connsiteX19" fmla="*/ 0 w 5129893"/>
            <a:gd name="connsiteY19" fmla="*/ 3284249 h 4636729"/>
            <a:gd name="connsiteX20" fmla="*/ 0 w 5129893"/>
            <a:gd name="connsiteY20" fmla="*/ 3284254 h 4636729"/>
            <a:gd name="connsiteX0" fmla="*/ 0 w 5129893"/>
            <a:gd name="connsiteY0" fmla="*/ 3284254 h 4636729"/>
            <a:gd name="connsiteX1" fmla="*/ 270501 w 5129893"/>
            <a:gd name="connsiteY1" fmla="*/ 3013753 h 4636729"/>
            <a:gd name="connsiteX2" fmla="*/ 854982 w 5129893"/>
            <a:gd name="connsiteY2" fmla="*/ 3013753 h 4636729"/>
            <a:gd name="connsiteX3" fmla="*/ 1217683 w 5129893"/>
            <a:gd name="connsiteY3" fmla="*/ 0 h 4636729"/>
            <a:gd name="connsiteX4" fmla="*/ 1865313 w 5129893"/>
            <a:gd name="connsiteY4" fmla="*/ 2968395 h 4636729"/>
            <a:gd name="connsiteX5" fmla="*/ 4859392 w 5129893"/>
            <a:gd name="connsiteY5" fmla="*/ 3013753 h 4636729"/>
            <a:gd name="connsiteX6" fmla="*/ 5129893 w 5129893"/>
            <a:gd name="connsiteY6" fmla="*/ 3284254 h 4636729"/>
            <a:gd name="connsiteX7" fmla="*/ 5129893 w 5129893"/>
            <a:gd name="connsiteY7" fmla="*/ 3284249 h 4636729"/>
            <a:gd name="connsiteX8" fmla="*/ 5129893 w 5129893"/>
            <a:gd name="connsiteY8" fmla="*/ 3284249 h 4636729"/>
            <a:gd name="connsiteX9" fmla="*/ 5129893 w 5129893"/>
            <a:gd name="connsiteY9" fmla="*/ 3689993 h 4636729"/>
            <a:gd name="connsiteX10" fmla="*/ 5129893 w 5129893"/>
            <a:gd name="connsiteY10" fmla="*/ 4366228 h 4636729"/>
            <a:gd name="connsiteX11" fmla="*/ 4859392 w 5129893"/>
            <a:gd name="connsiteY11" fmla="*/ 4636729 h 4636729"/>
            <a:gd name="connsiteX12" fmla="*/ 2137455 w 5129893"/>
            <a:gd name="connsiteY12" fmla="*/ 4636729 h 4636729"/>
            <a:gd name="connsiteX13" fmla="*/ 854982 w 5129893"/>
            <a:gd name="connsiteY13" fmla="*/ 4636729 h 4636729"/>
            <a:gd name="connsiteX14" fmla="*/ 854982 w 5129893"/>
            <a:gd name="connsiteY14" fmla="*/ 4636729 h 4636729"/>
            <a:gd name="connsiteX15" fmla="*/ 270501 w 5129893"/>
            <a:gd name="connsiteY15" fmla="*/ 4636729 h 4636729"/>
            <a:gd name="connsiteX16" fmla="*/ 0 w 5129893"/>
            <a:gd name="connsiteY16" fmla="*/ 4366228 h 4636729"/>
            <a:gd name="connsiteX17" fmla="*/ 0 w 5129893"/>
            <a:gd name="connsiteY17" fmla="*/ 3689993 h 4636729"/>
            <a:gd name="connsiteX18" fmla="*/ 0 w 5129893"/>
            <a:gd name="connsiteY18" fmla="*/ 3284249 h 4636729"/>
            <a:gd name="connsiteX19" fmla="*/ 0 w 5129893"/>
            <a:gd name="connsiteY19" fmla="*/ 3284249 h 4636729"/>
            <a:gd name="connsiteX20" fmla="*/ 0 w 5129893"/>
            <a:gd name="connsiteY20" fmla="*/ 3284254 h 4636729"/>
            <a:gd name="connsiteX0" fmla="*/ 0 w 5129893"/>
            <a:gd name="connsiteY0" fmla="*/ 3284254 h 4636729"/>
            <a:gd name="connsiteX1" fmla="*/ 270501 w 5129893"/>
            <a:gd name="connsiteY1" fmla="*/ 3013753 h 4636729"/>
            <a:gd name="connsiteX2" fmla="*/ 854982 w 5129893"/>
            <a:gd name="connsiteY2" fmla="*/ 3013753 h 4636729"/>
            <a:gd name="connsiteX3" fmla="*/ 1217683 w 5129893"/>
            <a:gd name="connsiteY3" fmla="*/ 0 h 4636729"/>
            <a:gd name="connsiteX4" fmla="*/ 1865313 w 5129893"/>
            <a:gd name="connsiteY4" fmla="*/ 2968395 h 4636729"/>
            <a:gd name="connsiteX5" fmla="*/ 4859392 w 5129893"/>
            <a:gd name="connsiteY5" fmla="*/ 3013753 h 4636729"/>
            <a:gd name="connsiteX6" fmla="*/ 5129893 w 5129893"/>
            <a:gd name="connsiteY6" fmla="*/ 3284254 h 4636729"/>
            <a:gd name="connsiteX7" fmla="*/ 5129893 w 5129893"/>
            <a:gd name="connsiteY7" fmla="*/ 3284249 h 4636729"/>
            <a:gd name="connsiteX8" fmla="*/ 5129893 w 5129893"/>
            <a:gd name="connsiteY8" fmla="*/ 3284249 h 4636729"/>
            <a:gd name="connsiteX9" fmla="*/ 5129893 w 5129893"/>
            <a:gd name="connsiteY9" fmla="*/ 3689993 h 4636729"/>
            <a:gd name="connsiteX10" fmla="*/ 5129893 w 5129893"/>
            <a:gd name="connsiteY10" fmla="*/ 4366228 h 4636729"/>
            <a:gd name="connsiteX11" fmla="*/ 4859392 w 5129893"/>
            <a:gd name="connsiteY11" fmla="*/ 4636729 h 4636729"/>
            <a:gd name="connsiteX12" fmla="*/ 1876652 w 5129893"/>
            <a:gd name="connsiteY12" fmla="*/ 4625390 h 4636729"/>
            <a:gd name="connsiteX13" fmla="*/ 854982 w 5129893"/>
            <a:gd name="connsiteY13" fmla="*/ 4636729 h 4636729"/>
            <a:gd name="connsiteX14" fmla="*/ 854982 w 5129893"/>
            <a:gd name="connsiteY14" fmla="*/ 4636729 h 4636729"/>
            <a:gd name="connsiteX15" fmla="*/ 270501 w 5129893"/>
            <a:gd name="connsiteY15" fmla="*/ 4636729 h 4636729"/>
            <a:gd name="connsiteX16" fmla="*/ 0 w 5129893"/>
            <a:gd name="connsiteY16" fmla="*/ 4366228 h 4636729"/>
            <a:gd name="connsiteX17" fmla="*/ 0 w 5129893"/>
            <a:gd name="connsiteY17" fmla="*/ 3689993 h 4636729"/>
            <a:gd name="connsiteX18" fmla="*/ 0 w 5129893"/>
            <a:gd name="connsiteY18" fmla="*/ 3284249 h 4636729"/>
            <a:gd name="connsiteX19" fmla="*/ 0 w 5129893"/>
            <a:gd name="connsiteY19" fmla="*/ 3284249 h 4636729"/>
            <a:gd name="connsiteX20" fmla="*/ 0 w 5129893"/>
            <a:gd name="connsiteY20" fmla="*/ 3284254 h 4636729"/>
            <a:gd name="connsiteX0" fmla="*/ 0 w 5129893"/>
            <a:gd name="connsiteY0" fmla="*/ 3284254 h 5315631"/>
            <a:gd name="connsiteX1" fmla="*/ 270501 w 5129893"/>
            <a:gd name="connsiteY1" fmla="*/ 3013753 h 5315631"/>
            <a:gd name="connsiteX2" fmla="*/ 854982 w 5129893"/>
            <a:gd name="connsiteY2" fmla="*/ 3013753 h 5315631"/>
            <a:gd name="connsiteX3" fmla="*/ 1217683 w 5129893"/>
            <a:gd name="connsiteY3" fmla="*/ 0 h 5315631"/>
            <a:gd name="connsiteX4" fmla="*/ 1865313 w 5129893"/>
            <a:gd name="connsiteY4" fmla="*/ 2968395 h 5315631"/>
            <a:gd name="connsiteX5" fmla="*/ 4859392 w 5129893"/>
            <a:gd name="connsiteY5" fmla="*/ 3013753 h 5315631"/>
            <a:gd name="connsiteX6" fmla="*/ 5129893 w 5129893"/>
            <a:gd name="connsiteY6" fmla="*/ 3284254 h 5315631"/>
            <a:gd name="connsiteX7" fmla="*/ 5129893 w 5129893"/>
            <a:gd name="connsiteY7" fmla="*/ 3284249 h 5315631"/>
            <a:gd name="connsiteX8" fmla="*/ 5129893 w 5129893"/>
            <a:gd name="connsiteY8" fmla="*/ 3284249 h 5315631"/>
            <a:gd name="connsiteX9" fmla="*/ 5129893 w 5129893"/>
            <a:gd name="connsiteY9" fmla="*/ 3689993 h 5315631"/>
            <a:gd name="connsiteX10" fmla="*/ 5129893 w 5129893"/>
            <a:gd name="connsiteY10" fmla="*/ 4366228 h 5315631"/>
            <a:gd name="connsiteX11" fmla="*/ 4859392 w 5129893"/>
            <a:gd name="connsiteY11" fmla="*/ 4636729 h 5315631"/>
            <a:gd name="connsiteX12" fmla="*/ 1876652 w 5129893"/>
            <a:gd name="connsiteY12" fmla="*/ 4625390 h 5315631"/>
            <a:gd name="connsiteX13" fmla="*/ 1331232 w 5129893"/>
            <a:gd name="connsiteY13" fmla="*/ 5315631 h 5315631"/>
            <a:gd name="connsiteX14" fmla="*/ 854982 w 5129893"/>
            <a:gd name="connsiteY14" fmla="*/ 4636729 h 5315631"/>
            <a:gd name="connsiteX15" fmla="*/ 854982 w 5129893"/>
            <a:gd name="connsiteY15" fmla="*/ 4636729 h 5315631"/>
            <a:gd name="connsiteX16" fmla="*/ 270501 w 5129893"/>
            <a:gd name="connsiteY16" fmla="*/ 4636729 h 5315631"/>
            <a:gd name="connsiteX17" fmla="*/ 0 w 5129893"/>
            <a:gd name="connsiteY17" fmla="*/ 4366228 h 5315631"/>
            <a:gd name="connsiteX18" fmla="*/ 0 w 5129893"/>
            <a:gd name="connsiteY18" fmla="*/ 3689993 h 5315631"/>
            <a:gd name="connsiteX19" fmla="*/ 0 w 5129893"/>
            <a:gd name="connsiteY19" fmla="*/ 3284249 h 5315631"/>
            <a:gd name="connsiteX20" fmla="*/ 0 w 5129893"/>
            <a:gd name="connsiteY20" fmla="*/ 3284249 h 5315631"/>
            <a:gd name="connsiteX21" fmla="*/ 0 w 5129893"/>
            <a:gd name="connsiteY21" fmla="*/ 3284254 h 5315631"/>
            <a:gd name="connsiteX0" fmla="*/ 0 w 5129893"/>
            <a:gd name="connsiteY0" fmla="*/ 3284254 h 5315631"/>
            <a:gd name="connsiteX1" fmla="*/ 270501 w 5129893"/>
            <a:gd name="connsiteY1" fmla="*/ 3013753 h 5315631"/>
            <a:gd name="connsiteX2" fmla="*/ 854982 w 5129893"/>
            <a:gd name="connsiteY2" fmla="*/ 3013753 h 5315631"/>
            <a:gd name="connsiteX3" fmla="*/ 1217683 w 5129893"/>
            <a:gd name="connsiteY3" fmla="*/ 0 h 5315631"/>
            <a:gd name="connsiteX4" fmla="*/ 1865313 w 5129893"/>
            <a:gd name="connsiteY4" fmla="*/ 2968395 h 5315631"/>
            <a:gd name="connsiteX5" fmla="*/ 4859392 w 5129893"/>
            <a:gd name="connsiteY5" fmla="*/ 3013753 h 5315631"/>
            <a:gd name="connsiteX6" fmla="*/ 5129893 w 5129893"/>
            <a:gd name="connsiteY6" fmla="*/ 3284254 h 5315631"/>
            <a:gd name="connsiteX7" fmla="*/ 5129893 w 5129893"/>
            <a:gd name="connsiteY7" fmla="*/ 3284249 h 5315631"/>
            <a:gd name="connsiteX8" fmla="*/ 5129893 w 5129893"/>
            <a:gd name="connsiteY8" fmla="*/ 3284249 h 5315631"/>
            <a:gd name="connsiteX9" fmla="*/ 5129893 w 5129893"/>
            <a:gd name="connsiteY9" fmla="*/ 3689993 h 5315631"/>
            <a:gd name="connsiteX10" fmla="*/ 5129893 w 5129893"/>
            <a:gd name="connsiteY10" fmla="*/ 4366228 h 5315631"/>
            <a:gd name="connsiteX11" fmla="*/ 4859392 w 5129893"/>
            <a:gd name="connsiteY11" fmla="*/ 4636729 h 5315631"/>
            <a:gd name="connsiteX12" fmla="*/ 1876652 w 5129893"/>
            <a:gd name="connsiteY12" fmla="*/ 4625390 h 5315631"/>
            <a:gd name="connsiteX13" fmla="*/ 1331232 w 5129893"/>
            <a:gd name="connsiteY13" fmla="*/ 5315631 h 5315631"/>
            <a:gd name="connsiteX14" fmla="*/ 854982 w 5129893"/>
            <a:gd name="connsiteY14" fmla="*/ 4636729 h 5315631"/>
            <a:gd name="connsiteX15" fmla="*/ 854982 w 5129893"/>
            <a:gd name="connsiteY15" fmla="*/ 4636729 h 5315631"/>
            <a:gd name="connsiteX16" fmla="*/ 270501 w 5129893"/>
            <a:gd name="connsiteY16" fmla="*/ 4636729 h 5315631"/>
            <a:gd name="connsiteX17" fmla="*/ 0 w 5129893"/>
            <a:gd name="connsiteY17" fmla="*/ 4366228 h 5315631"/>
            <a:gd name="connsiteX18" fmla="*/ 0 w 5129893"/>
            <a:gd name="connsiteY18" fmla="*/ 3689993 h 5315631"/>
            <a:gd name="connsiteX19" fmla="*/ 0 w 5129893"/>
            <a:gd name="connsiteY19" fmla="*/ 3284249 h 5315631"/>
            <a:gd name="connsiteX20" fmla="*/ 0 w 5129893"/>
            <a:gd name="connsiteY20" fmla="*/ 3284249 h 5315631"/>
            <a:gd name="connsiteX21" fmla="*/ 0 w 5129893"/>
            <a:gd name="connsiteY21" fmla="*/ 3284254 h 5315631"/>
            <a:gd name="connsiteX0" fmla="*/ 0 w 5129893"/>
            <a:gd name="connsiteY0" fmla="*/ 3284254 h 8275185"/>
            <a:gd name="connsiteX1" fmla="*/ 270501 w 5129893"/>
            <a:gd name="connsiteY1" fmla="*/ 3013753 h 8275185"/>
            <a:gd name="connsiteX2" fmla="*/ 854982 w 5129893"/>
            <a:gd name="connsiteY2" fmla="*/ 3013753 h 8275185"/>
            <a:gd name="connsiteX3" fmla="*/ 1217683 w 5129893"/>
            <a:gd name="connsiteY3" fmla="*/ 0 h 8275185"/>
            <a:gd name="connsiteX4" fmla="*/ 1865313 w 5129893"/>
            <a:gd name="connsiteY4" fmla="*/ 2968395 h 8275185"/>
            <a:gd name="connsiteX5" fmla="*/ 4859392 w 5129893"/>
            <a:gd name="connsiteY5" fmla="*/ 3013753 h 8275185"/>
            <a:gd name="connsiteX6" fmla="*/ 5129893 w 5129893"/>
            <a:gd name="connsiteY6" fmla="*/ 3284254 h 8275185"/>
            <a:gd name="connsiteX7" fmla="*/ 5129893 w 5129893"/>
            <a:gd name="connsiteY7" fmla="*/ 3284249 h 8275185"/>
            <a:gd name="connsiteX8" fmla="*/ 5129893 w 5129893"/>
            <a:gd name="connsiteY8" fmla="*/ 3284249 h 8275185"/>
            <a:gd name="connsiteX9" fmla="*/ 5129893 w 5129893"/>
            <a:gd name="connsiteY9" fmla="*/ 3689993 h 8275185"/>
            <a:gd name="connsiteX10" fmla="*/ 5129893 w 5129893"/>
            <a:gd name="connsiteY10" fmla="*/ 4366228 h 8275185"/>
            <a:gd name="connsiteX11" fmla="*/ 4859392 w 5129893"/>
            <a:gd name="connsiteY11" fmla="*/ 4636729 h 8275185"/>
            <a:gd name="connsiteX12" fmla="*/ 1876652 w 5129893"/>
            <a:gd name="connsiteY12" fmla="*/ 4625390 h 8275185"/>
            <a:gd name="connsiteX13" fmla="*/ 526143 w 5129893"/>
            <a:gd name="connsiteY13" fmla="*/ 8275185 h 8275185"/>
            <a:gd name="connsiteX14" fmla="*/ 854982 w 5129893"/>
            <a:gd name="connsiteY14" fmla="*/ 4636729 h 8275185"/>
            <a:gd name="connsiteX15" fmla="*/ 854982 w 5129893"/>
            <a:gd name="connsiteY15" fmla="*/ 4636729 h 8275185"/>
            <a:gd name="connsiteX16" fmla="*/ 270501 w 5129893"/>
            <a:gd name="connsiteY16" fmla="*/ 4636729 h 8275185"/>
            <a:gd name="connsiteX17" fmla="*/ 0 w 5129893"/>
            <a:gd name="connsiteY17" fmla="*/ 4366228 h 8275185"/>
            <a:gd name="connsiteX18" fmla="*/ 0 w 5129893"/>
            <a:gd name="connsiteY18" fmla="*/ 3689993 h 8275185"/>
            <a:gd name="connsiteX19" fmla="*/ 0 w 5129893"/>
            <a:gd name="connsiteY19" fmla="*/ 3284249 h 8275185"/>
            <a:gd name="connsiteX20" fmla="*/ 0 w 5129893"/>
            <a:gd name="connsiteY20" fmla="*/ 3284249 h 8275185"/>
            <a:gd name="connsiteX21" fmla="*/ 0 w 5129893"/>
            <a:gd name="connsiteY21" fmla="*/ 3284254 h 8275185"/>
            <a:gd name="connsiteX0" fmla="*/ 0 w 5129893"/>
            <a:gd name="connsiteY0" fmla="*/ 3284254 h 8275185"/>
            <a:gd name="connsiteX1" fmla="*/ 270501 w 5129893"/>
            <a:gd name="connsiteY1" fmla="*/ 3013753 h 8275185"/>
            <a:gd name="connsiteX2" fmla="*/ 854982 w 5129893"/>
            <a:gd name="connsiteY2" fmla="*/ 3013753 h 8275185"/>
            <a:gd name="connsiteX3" fmla="*/ 1217683 w 5129893"/>
            <a:gd name="connsiteY3" fmla="*/ 0 h 8275185"/>
            <a:gd name="connsiteX4" fmla="*/ 1865313 w 5129893"/>
            <a:gd name="connsiteY4" fmla="*/ 2968395 h 8275185"/>
            <a:gd name="connsiteX5" fmla="*/ 4859392 w 5129893"/>
            <a:gd name="connsiteY5" fmla="*/ 3013753 h 8275185"/>
            <a:gd name="connsiteX6" fmla="*/ 5129893 w 5129893"/>
            <a:gd name="connsiteY6" fmla="*/ 3284254 h 8275185"/>
            <a:gd name="connsiteX7" fmla="*/ 5129893 w 5129893"/>
            <a:gd name="connsiteY7" fmla="*/ 3284249 h 8275185"/>
            <a:gd name="connsiteX8" fmla="*/ 5129893 w 5129893"/>
            <a:gd name="connsiteY8" fmla="*/ 3284249 h 8275185"/>
            <a:gd name="connsiteX9" fmla="*/ 5129893 w 5129893"/>
            <a:gd name="connsiteY9" fmla="*/ 3689993 h 8275185"/>
            <a:gd name="connsiteX10" fmla="*/ 5129893 w 5129893"/>
            <a:gd name="connsiteY10" fmla="*/ 4366228 h 8275185"/>
            <a:gd name="connsiteX11" fmla="*/ 4859392 w 5129893"/>
            <a:gd name="connsiteY11" fmla="*/ 4636729 h 8275185"/>
            <a:gd name="connsiteX12" fmla="*/ 1876652 w 5129893"/>
            <a:gd name="connsiteY12" fmla="*/ 4625390 h 8275185"/>
            <a:gd name="connsiteX13" fmla="*/ 526143 w 5129893"/>
            <a:gd name="connsiteY13" fmla="*/ 8275185 h 8275185"/>
            <a:gd name="connsiteX14" fmla="*/ 854982 w 5129893"/>
            <a:gd name="connsiteY14" fmla="*/ 4636729 h 8275185"/>
            <a:gd name="connsiteX15" fmla="*/ 854982 w 5129893"/>
            <a:gd name="connsiteY15" fmla="*/ 4636729 h 8275185"/>
            <a:gd name="connsiteX16" fmla="*/ 270501 w 5129893"/>
            <a:gd name="connsiteY16" fmla="*/ 4636729 h 8275185"/>
            <a:gd name="connsiteX17" fmla="*/ 0 w 5129893"/>
            <a:gd name="connsiteY17" fmla="*/ 4366228 h 8275185"/>
            <a:gd name="connsiteX18" fmla="*/ 0 w 5129893"/>
            <a:gd name="connsiteY18" fmla="*/ 3689993 h 8275185"/>
            <a:gd name="connsiteX19" fmla="*/ 0 w 5129893"/>
            <a:gd name="connsiteY19" fmla="*/ 3284249 h 8275185"/>
            <a:gd name="connsiteX20" fmla="*/ 0 w 5129893"/>
            <a:gd name="connsiteY20" fmla="*/ 3284249 h 8275185"/>
            <a:gd name="connsiteX21" fmla="*/ 0 w 5129893"/>
            <a:gd name="connsiteY21" fmla="*/ 3284254 h 8275185"/>
            <a:gd name="connsiteX0" fmla="*/ 0 w 5129893"/>
            <a:gd name="connsiteY0" fmla="*/ 3284254 h 8275185"/>
            <a:gd name="connsiteX1" fmla="*/ 270501 w 5129893"/>
            <a:gd name="connsiteY1" fmla="*/ 3013753 h 8275185"/>
            <a:gd name="connsiteX2" fmla="*/ 854982 w 5129893"/>
            <a:gd name="connsiteY2" fmla="*/ 3013753 h 8275185"/>
            <a:gd name="connsiteX3" fmla="*/ 1217683 w 5129893"/>
            <a:gd name="connsiteY3" fmla="*/ 0 h 8275185"/>
            <a:gd name="connsiteX4" fmla="*/ 1583569 w 5129893"/>
            <a:gd name="connsiteY4" fmla="*/ 2989089 h 8275185"/>
            <a:gd name="connsiteX5" fmla="*/ 4859392 w 5129893"/>
            <a:gd name="connsiteY5" fmla="*/ 3013753 h 8275185"/>
            <a:gd name="connsiteX6" fmla="*/ 5129893 w 5129893"/>
            <a:gd name="connsiteY6" fmla="*/ 3284254 h 8275185"/>
            <a:gd name="connsiteX7" fmla="*/ 5129893 w 5129893"/>
            <a:gd name="connsiteY7" fmla="*/ 3284249 h 8275185"/>
            <a:gd name="connsiteX8" fmla="*/ 5129893 w 5129893"/>
            <a:gd name="connsiteY8" fmla="*/ 3284249 h 8275185"/>
            <a:gd name="connsiteX9" fmla="*/ 5129893 w 5129893"/>
            <a:gd name="connsiteY9" fmla="*/ 3689993 h 8275185"/>
            <a:gd name="connsiteX10" fmla="*/ 5129893 w 5129893"/>
            <a:gd name="connsiteY10" fmla="*/ 4366228 h 8275185"/>
            <a:gd name="connsiteX11" fmla="*/ 4859392 w 5129893"/>
            <a:gd name="connsiteY11" fmla="*/ 4636729 h 8275185"/>
            <a:gd name="connsiteX12" fmla="*/ 1876652 w 5129893"/>
            <a:gd name="connsiteY12" fmla="*/ 4625390 h 8275185"/>
            <a:gd name="connsiteX13" fmla="*/ 526143 w 5129893"/>
            <a:gd name="connsiteY13" fmla="*/ 8275185 h 8275185"/>
            <a:gd name="connsiteX14" fmla="*/ 854982 w 5129893"/>
            <a:gd name="connsiteY14" fmla="*/ 4636729 h 8275185"/>
            <a:gd name="connsiteX15" fmla="*/ 854982 w 5129893"/>
            <a:gd name="connsiteY15" fmla="*/ 4636729 h 8275185"/>
            <a:gd name="connsiteX16" fmla="*/ 270501 w 5129893"/>
            <a:gd name="connsiteY16" fmla="*/ 4636729 h 8275185"/>
            <a:gd name="connsiteX17" fmla="*/ 0 w 5129893"/>
            <a:gd name="connsiteY17" fmla="*/ 4366228 h 8275185"/>
            <a:gd name="connsiteX18" fmla="*/ 0 w 5129893"/>
            <a:gd name="connsiteY18" fmla="*/ 3689993 h 8275185"/>
            <a:gd name="connsiteX19" fmla="*/ 0 w 5129893"/>
            <a:gd name="connsiteY19" fmla="*/ 3284249 h 8275185"/>
            <a:gd name="connsiteX20" fmla="*/ 0 w 5129893"/>
            <a:gd name="connsiteY20" fmla="*/ 3284249 h 8275185"/>
            <a:gd name="connsiteX21" fmla="*/ 0 w 5129893"/>
            <a:gd name="connsiteY21" fmla="*/ 3284254 h 8275185"/>
            <a:gd name="connsiteX0" fmla="*/ 0 w 5129893"/>
            <a:gd name="connsiteY0" fmla="*/ 3284254 h 8182063"/>
            <a:gd name="connsiteX1" fmla="*/ 270501 w 5129893"/>
            <a:gd name="connsiteY1" fmla="*/ 3013753 h 8182063"/>
            <a:gd name="connsiteX2" fmla="*/ 854982 w 5129893"/>
            <a:gd name="connsiteY2" fmla="*/ 3013753 h 8182063"/>
            <a:gd name="connsiteX3" fmla="*/ 1217683 w 5129893"/>
            <a:gd name="connsiteY3" fmla="*/ 0 h 8182063"/>
            <a:gd name="connsiteX4" fmla="*/ 1583569 w 5129893"/>
            <a:gd name="connsiteY4" fmla="*/ 2989089 h 8182063"/>
            <a:gd name="connsiteX5" fmla="*/ 4859392 w 5129893"/>
            <a:gd name="connsiteY5" fmla="*/ 3013753 h 8182063"/>
            <a:gd name="connsiteX6" fmla="*/ 5129893 w 5129893"/>
            <a:gd name="connsiteY6" fmla="*/ 3284254 h 8182063"/>
            <a:gd name="connsiteX7" fmla="*/ 5129893 w 5129893"/>
            <a:gd name="connsiteY7" fmla="*/ 3284249 h 8182063"/>
            <a:gd name="connsiteX8" fmla="*/ 5129893 w 5129893"/>
            <a:gd name="connsiteY8" fmla="*/ 3284249 h 8182063"/>
            <a:gd name="connsiteX9" fmla="*/ 5129893 w 5129893"/>
            <a:gd name="connsiteY9" fmla="*/ 3689993 h 8182063"/>
            <a:gd name="connsiteX10" fmla="*/ 5129893 w 5129893"/>
            <a:gd name="connsiteY10" fmla="*/ 4366228 h 8182063"/>
            <a:gd name="connsiteX11" fmla="*/ 4859392 w 5129893"/>
            <a:gd name="connsiteY11" fmla="*/ 4636729 h 8182063"/>
            <a:gd name="connsiteX12" fmla="*/ 1876652 w 5129893"/>
            <a:gd name="connsiteY12" fmla="*/ 4625390 h 8182063"/>
            <a:gd name="connsiteX13" fmla="*/ 645342 w 5129893"/>
            <a:gd name="connsiteY13" fmla="*/ 8182063 h 8182063"/>
            <a:gd name="connsiteX14" fmla="*/ 854982 w 5129893"/>
            <a:gd name="connsiteY14" fmla="*/ 4636729 h 8182063"/>
            <a:gd name="connsiteX15" fmla="*/ 854982 w 5129893"/>
            <a:gd name="connsiteY15" fmla="*/ 4636729 h 8182063"/>
            <a:gd name="connsiteX16" fmla="*/ 270501 w 5129893"/>
            <a:gd name="connsiteY16" fmla="*/ 4636729 h 8182063"/>
            <a:gd name="connsiteX17" fmla="*/ 0 w 5129893"/>
            <a:gd name="connsiteY17" fmla="*/ 4366228 h 8182063"/>
            <a:gd name="connsiteX18" fmla="*/ 0 w 5129893"/>
            <a:gd name="connsiteY18" fmla="*/ 3689993 h 8182063"/>
            <a:gd name="connsiteX19" fmla="*/ 0 w 5129893"/>
            <a:gd name="connsiteY19" fmla="*/ 3284249 h 8182063"/>
            <a:gd name="connsiteX20" fmla="*/ 0 w 5129893"/>
            <a:gd name="connsiteY20" fmla="*/ 3284249 h 8182063"/>
            <a:gd name="connsiteX21" fmla="*/ 0 w 5129893"/>
            <a:gd name="connsiteY21" fmla="*/ 3284254 h 8182063"/>
            <a:gd name="connsiteX0" fmla="*/ 0 w 5129893"/>
            <a:gd name="connsiteY0" fmla="*/ 3284254 h 8208082"/>
            <a:gd name="connsiteX1" fmla="*/ 270501 w 5129893"/>
            <a:gd name="connsiteY1" fmla="*/ 3013753 h 8208082"/>
            <a:gd name="connsiteX2" fmla="*/ 854982 w 5129893"/>
            <a:gd name="connsiteY2" fmla="*/ 3013753 h 8208082"/>
            <a:gd name="connsiteX3" fmla="*/ 1217683 w 5129893"/>
            <a:gd name="connsiteY3" fmla="*/ 0 h 8208082"/>
            <a:gd name="connsiteX4" fmla="*/ 1583569 w 5129893"/>
            <a:gd name="connsiteY4" fmla="*/ 2989089 h 8208082"/>
            <a:gd name="connsiteX5" fmla="*/ 4859392 w 5129893"/>
            <a:gd name="connsiteY5" fmla="*/ 3013753 h 8208082"/>
            <a:gd name="connsiteX6" fmla="*/ 5129893 w 5129893"/>
            <a:gd name="connsiteY6" fmla="*/ 3284254 h 8208082"/>
            <a:gd name="connsiteX7" fmla="*/ 5129893 w 5129893"/>
            <a:gd name="connsiteY7" fmla="*/ 3284249 h 8208082"/>
            <a:gd name="connsiteX8" fmla="*/ 5129893 w 5129893"/>
            <a:gd name="connsiteY8" fmla="*/ 3284249 h 8208082"/>
            <a:gd name="connsiteX9" fmla="*/ 5129893 w 5129893"/>
            <a:gd name="connsiteY9" fmla="*/ 3689993 h 8208082"/>
            <a:gd name="connsiteX10" fmla="*/ 5129893 w 5129893"/>
            <a:gd name="connsiteY10" fmla="*/ 4366228 h 8208082"/>
            <a:gd name="connsiteX11" fmla="*/ 4859392 w 5129893"/>
            <a:gd name="connsiteY11" fmla="*/ 4636729 h 8208082"/>
            <a:gd name="connsiteX12" fmla="*/ 1876652 w 5129893"/>
            <a:gd name="connsiteY12" fmla="*/ 4625390 h 8208082"/>
            <a:gd name="connsiteX13" fmla="*/ 860695 w 5129893"/>
            <a:gd name="connsiteY13" fmla="*/ 8208082 h 8208082"/>
            <a:gd name="connsiteX14" fmla="*/ 854982 w 5129893"/>
            <a:gd name="connsiteY14" fmla="*/ 4636729 h 8208082"/>
            <a:gd name="connsiteX15" fmla="*/ 854982 w 5129893"/>
            <a:gd name="connsiteY15" fmla="*/ 4636729 h 8208082"/>
            <a:gd name="connsiteX16" fmla="*/ 270501 w 5129893"/>
            <a:gd name="connsiteY16" fmla="*/ 4636729 h 8208082"/>
            <a:gd name="connsiteX17" fmla="*/ 0 w 5129893"/>
            <a:gd name="connsiteY17" fmla="*/ 4366228 h 8208082"/>
            <a:gd name="connsiteX18" fmla="*/ 0 w 5129893"/>
            <a:gd name="connsiteY18" fmla="*/ 3689993 h 8208082"/>
            <a:gd name="connsiteX19" fmla="*/ 0 w 5129893"/>
            <a:gd name="connsiteY19" fmla="*/ 3284249 h 8208082"/>
            <a:gd name="connsiteX20" fmla="*/ 0 w 5129893"/>
            <a:gd name="connsiteY20" fmla="*/ 3284249 h 8208082"/>
            <a:gd name="connsiteX21" fmla="*/ 0 w 5129893"/>
            <a:gd name="connsiteY21" fmla="*/ 3284254 h 8208082"/>
            <a:gd name="connsiteX0" fmla="*/ 0 w 5129893"/>
            <a:gd name="connsiteY0" fmla="*/ 3284254 h 8208082"/>
            <a:gd name="connsiteX1" fmla="*/ 270501 w 5129893"/>
            <a:gd name="connsiteY1" fmla="*/ 3013753 h 8208082"/>
            <a:gd name="connsiteX2" fmla="*/ 854982 w 5129893"/>
            <a:gd name="connsiteY2" fmla="*/ 3013753 h 8208082"/>
            <a:gd name="connsiteX3" fmla="*/ 1217683 w 5129893"/>
            <a:gd name="connsiteY3" fmla="*/ 0 h 8208082"/>
            <a:gd name="connsiteX4" fmla="*/ 1583569 w 5129893"/>
            <a:gd name="connsiteY4" fmla="*/ 2989089 h 8208082"/>
            <a:gd name="connsiteX5" fmla="*/ 4859392 w 5129893"/>
            <a:gd name="connsiteY5" fmla="*/ 3013753 h 8208082"/>
            <a:gd name="connsiteX6" fmla="*/ 5129893 w 5129893"/>
            <a:gd name="connsiteY6" fmla="*/ 3284254 h 8208082"/>
            <a:gd name="connsiteX7" fmla="*/ 5129893 w 5129893"/>
            <a:gd name="connsiteY7" fmla="*/ 3284249 h 8208082"/>
            <a:gd name="connsiteX8" fmla="*/ 5129893 w 5129893"/>
            <a:gd name="connsiteY8" fmla="*/ 3284249 h 8208082"/>
            <a:gd name="connsiteX9" fmla="*/ 5129893 w 5129893"/>
            <a:gd name="connsiteY9" fmla="*/ 3689993 h 8208082"/>
            <a:gd name="connsiteX10" fmla="*/ 5129893 w 5129893"/>
            <a:gd name="connsiteY10" fmla="*/ 4366228 h 8208082"/>
            <a:gd name="connsiteX11" fmla="*/ 4859392 w 5129893"/>
            <a:gd name="connsiteY11" fmla="*/ 4636729 h 8208082"/>
            <a:gd name="connsiteX12" fmla="*/ 1876652 w 5129893"/>
            <a:gd name="connsiteY12" fmla="*/ 4625390 h 8208082"/>
            <a:gd name="connsiteX13" fmla="*/ 914534 w 5129893"/>
            <a:gd name="connsiteY13" fmla="*/ 8208082 h 8208082"/>
            <a:gd name="connsiteX14" fmla="*/ 854982 w 5129893"/>
            <a:gd name="connsiteY14" fmla="*/ 4636729 h 8208082"/>
            <a:gd name="connsiteX15" fmla="*/ 854982 w 5129893"/>
            <a:gd name="connsiteY15" fmla="*/ 4636729 h 8208082"/>
            <a:gd name="connsiteX16" fmla="*/ 270501 w 5129893"/>
            <a:gd name="connsiteY16" fmla="*/ 4636729 h 8208082"/>
            <a:gd name="connsiteX17" fmla="*/ 0 w 5129893"/>
            <a:gd name="connsiteY17" fmla="*/ 4366228 h 8208082"/>
            <a:gd name="connsiteX18" fmla="*/ 0 w 5129893"/>
            <a:gd name="connsiteY18" fmla="*/ 3689993 h 8208082"/>
            <a:gd name="connsiteX19" fmla="*/ 0 w 5129893"/>
            <a:gd name="connsiteY19" fmla="*/ 3284249 h 8208082"/>
            <a:gd name="connsiteX20" fmla="*/ 0 w 5129893"/>
            <a:gd name="connsiteY20" fmla="*/ 3284249 h 8208082"/>
            <a:gd name="connsiteX21" fmla="*/ 0 w 5129893"/>
            <a:gd name="connsiteY21" fmla="*/ 3284254 h 8208082"/>
            <a:gd name="connsiteX0" fmla="*/ 0 w 5129893"/>
            <a:gd name="connsiteY0" fmla="*/ 3284254 h 8208082"/>
            <a:gd name="connsiteX1" fmla="*/ 270501 w 5129893"/>
            <a:gd name="connsiteY1" fmla="*/ 3013753 h 8208082"/>
            <a:gd name="connsiteX2" fmla="*/ 854982 w 5129893"/>
            <a:gd name="connsiteY2" fmla="*/ 3013753 h 8208082"/>
            <a:gd name="connsiteX3" fmla="*/ 1217683 w 5129893"/>
            <a:gd name="connsiteY3" fmla="*/ 0 h 8208082"/>
            <a:gd name="connsiteX4" fmla="*/ 1583569 w 5129893"/>
            <a:gd name="connsiteY4" fmla="*/ 2989089 h 8208082"/>
            <a:gd name="connsiteX5" fmla="*/ 4859392 w 5129893"/>
            <a:gd name="connsiteY5" fmla="*/ 3013753 h 8208082"/>
            <a:gd name="connsiteX6" fmla="*/ 5129893 w 5129893"/>
            <a:gd name="connsiteY6" fmla="*/ 3284254 h 8208082"/>
            <a:gd name="connsiteX7" fmla="*/ 5129893 w 5129893"/>
            <a:gd name="connsiteY7" fmla="*/ 3284249 h 8208082"/>
            <a:gd name="connsiteX8" fmla="*/ 5129893 w 5129893"/>
            <a:gd name="connsiteY8" fmla="*/ 3284249 h 8208082"/>
            <a:gd name="connsiteX9" fmla="*/ 5129893 w 5129893"/>
            <a:gd name="connsiteY9" fmla="*/ 3689993 h 8208082"/>
            <a:gd name="connsiteX10" fmla="*/ 5129893 w 5129893"/>
            <a:gd name="connsiteY10" fmla="*/ 4366228 h 8208082"/>
            <a:gd name="connsiteX11" fmla="*/ 4859392 w 5129893"/>
            <a:gd name="connsiteY11" fmla="*/ 4636729 h 8208082"/>
            <a:gd name="connsiteX12" fmla="*/ 1876652 w 5129893"/>
            <a:gd name="connsiteY12" fmla="*/ 4625390 h 8208082"/>
            <a:gd name="connsiteX13" fmla="*/ 914534 w 5129893"/>
            <a:gd name="connsiteY13" fmla="*/ 8208082 h 8208082"/>
            <a:gd name="connsiteX14" fmla="*/ 854982 w 5129893"/>
            <a:gd name="connsiteY14" fmla="*/ 4636729 h 8208082"/>
            <a:gd name="connsiteX15" fmla="*/ 854982 w 5129893"/>
            <a:gd name="connsiteY15" fmla="*/ 4636729 h 8208082"/>
            <a:gd name="connsiteX16" fmla="*/ 270501 w 5129893"/>
            <a:gd name="connsiteY16" fmla="*/ 4636729 h 8208082"/>
            <a:gd name="connsiteX17" fmla="*/ 0 w 5129893"/>
            <a:gd name="connsiteY17" fmla="*/ 4366228 h 8208082"/>
            <a:gd name="connsiteX18" fmla="*/ 0 w 5129893"/>
            <a:gd name="connsiteY18" fmla="*/ 3689993 h 8208082"/>
            <a:gd name="connsiteX19" fmla="*/ 0 w 5129893"/>
            <a:gd name="connsiteY19" fmla="*/ 3284249 h 8208082"/>
            <a:gd name="connsiteX20" fmla="*/ 0 w 5129893"/>
            <a:gd name="connsiteY20" fmla="*/ 3284249 h 8208082"/>
            <a:gd name="connsiteX21" fmla="*/ 0 w 5129893"/>
            <a:gd name="connsiteY21" fmla="*/ 3284254 h 8208082"/>
            <a:gd name="connsiteX0" fmla="*/ 0 w 5129893"/>
            <a:gd name="connsiteY0" fmla="*/ 3284254 h 8208082"/>
            <a:gd name="connsiteX1" fmla="*/ 270501 w 5129893"/>
            <a:gd name="connsiteY1" fmla="*/ 3013753 h 8208082"/>
            <a:gd name="connsiteX2" fmla="*/ 854982 w 5129893"/>
            <a:gd name="connsiteY2" fmla="*/ 3013753 h 8208082"/>
            <a:gd name="connsiteX3" fmla="*/ 1217683 w 5129893"/>
            <a:gd name="connsiteY3" fmla="*/ 0 h 8208082"/>
            <a:gd name="connsiteX4" fmla="*/ 1583569 w 5129893"/>
            <a:gd name="connsiteY4" fmla="*/ 2989089 h 8208082"/>
            <a:gd name="connsiteX5" fmla="*/ 4859392 w 5129893"/>
            <a:gd name="connsiteY5" fmla="*/ 3013753 h 8208082"/>
            <a:gd name="connsiteX6" fmla="*/ 5129893 w 5129893"/>
            <a:gd name="connsiteY6" fmla="*/ 3284254 h 8208082"/>
            <a:gd name="connsiteX7" fmla="*/ 5129893 w 5129893"/>
            <a:gd name="connsiteY7" fmla="*/ 3284249 h 8208082"/>
            <a:gd name="connsiteX8" fmla="*/ 5129893 w 5129893"/>
            <a:gd name="connsiteY8" fmla="*/ 3284249 h 8208082"/>
            <a:gd name="connsiteX9" fmla="*/ 5129893 w 5129893"/>
            <a:gd name="connsiteY9" fmla="*/ 3689993 h 8208082"/>
            <a:gd name="connsiteX10" fmla="*/ 5129893 w 5129893"/>
            <a:gd name="connsiteY10" fmla="*/ 4366228 h 8208082"/>
            <a:gd name="connsiteX11" fmla="*/ 4859392 w 5129893"/>
            <a:gd name="connsiteY11" fmla="*/ 4636729 h 8208082"/>
            <a:gd name="connsiteX12" fmla="*/ 1647839 w 5129893"/>
            <a:gd name="connsiteY12" fmla="*/ 4638399 h 8208082"/>
            <a:gd name="connsiteX13" fmla="*/ 914534 w 5129893"/>
            <a:gd name="connsiteY13" fmla="*/ 8208082 h 8208082"/>
            <a:gd name="connsiteX14" fmla="*/ 854982 w 5129893"/>
            <a:gd name="connsiteY14" fmla="*/ 4636729 h 8208082"/>
            <a:gd name="connsiteX15" fmla="*/ 854982 w 5129893"/>
            <a:gd name="connsiteY15" fmla="*/ 4636729 h 8208082"/>
            <a:gd name="connsiteX16" fmla="*/ 270501 w 5129893"/>
            <a:gd name="connsiteY16" fmla="*/ 4636729 h 8208082"/>
            <a:gd name="connsiteX17" fmla="*/ 0 w 5129893"/>
            <a:gd name="connsiteY17" fmla="*/ 4366228 h 8208082"/>
            <a:gd name="connsiteX18" fmla="*/ 0 w 5129893"/>
            <a:gd name="connsiteY18" fmla="*/ 3689993 h 8208082"/>
            <a:gd name="connsiteX19" fmla="*/ 0 w 5129893"/>
            <a:gd name="connsiteY19" fmla="*/ 3284249 h 8208082"/>
            <a:gd name="connsiteX20" fmla="*/ 0 w 5129893"/>
            <a:gd name="connsiteY20" fmla="*/ 3284249 h 8208082"/>
            <a:gd name="connsiteX21" fmla="*/ 0 w 5129893"/>
            <a:gd name="connsiteY21" fmla="*/ 3284254 h 8208082"/>
            <a:gd name="connsiteX0" fmla="*/ 0 w 5129893"/>
            <a:gd name="connsiteY0" fmla="*/ 3284254 h 8208082"/>
            <a:gd name="connsiteX1" fmla="*/ 270501 w 5129893"/>
            <a:gd name="connsiteY1" fmla="*/ 3013753 h 8208082"/>
            <a:gd name="connsiteX2" fmla="*/ 854982 w 5129893"/>
            <a:gd name="connsiteY2" fmla="*/ 3013753 h 8208082"/>
            <a:gd name="connsiteX3" fmla="*/ 1217683 w 5129893"/>
            <a:gd name="connsiteY3" fmla="*/ 0 h 8208082"/>
            <a:gd name="connsiteX4" fmla="*/ 1583569 w 5129893"/>
            <a:gd name="connsiteY4" fmla="*/ 2989089 h 8208082"/>
            <a:gd name="connsiteX5" fmla="*/ 4859392 w 5129893"/>
            <a:gd name="connsiteY5" fmla="*/ 3013753 h 8208082"/>
            <a:gd name="connsiteX6" fmla="*/ 5129893 w 5129893"/>
            <a:gd name="connsiteY6" fmla="*/ 3284254 h 8208082"/>
            <a:gd name="connsiteX7" fmla="*/ 5129893 w 5129893"/>
            <a:gd name="connsiteY7" fmla="*/ 3284249 h 8208082"/>
            <a:gd name="connsiteX8" fmla="*/ 5129893 w 5129893"/>
            <a:gd name="connsiteY8" fmla="*/ 3284249 h 8208082"/>
            <a:gd name="connsiteX9" fmla="*/ 5129893 w 5129893"/>
            <a:gd name="connsiteY9" fmla="*/ 3689993 h 8208082"/>
            <a:gd name="connsiteX10" fmla="*/ 5129893 w 5129893"/>
            <a:gd name="connsiteY10" fmla="*/ 4366228 h 8208082"/>
            <a:gd name="connsiteX11" fmla="*/ 4859392 w 5129893"/>
            <a:gd name="connsiteY11" fmla="*/ 4636729 h 8208082"/>
            <a:gd name="connsiteX12" fmla="*/ 1647839 w 5129893"/>
            <a:gd name="connsiteY12" fmla="*/ 4638399 h 8208082"/>
            <a:gd name="connsiteX13" fmla="*/ 914534 w 5129893"/>
            <a:gd name="connsiteY13" fmla="*/ 8208082 h 8208082"/>
            <a:gd name="connsiteX14" fmla="*/ 854982 w 5129893"/>
            <a:gd name="connsiteY14" fmla="*/ 4636729 h 8208082"/>
            <a:gd name="connsiteX15" fmla="*/ 854982 w 5129893"/>
            <a:gd name="connsiteY15" fmla="*/ 4636729 h 8208082"/>
            <a:gd name="connsiteX16" fmla="*/ 270501 w 5129893"/>
            <a:gd name="connsiteY16" fmla="*/ 4636729 h 8208082"/>
            <a:gd name="connsiteX17" fmla="*/ 0 w 5129893"/>
            <a:gd name="connsiteY17" fmla="*/ 4366228 h 8208082"/>
            <a:gd name="connsiteX18" fmla="*/ 0 w 5129893"/>
            <a:gd name="connsiteY18" fmla="*/ 3689993 h 8208082"/>
            <a:gd name="connsiteX19" fmla="*/ 0 w 5129893"/>
            <a:gd name="connsiteY19" fmla="*/ 3284249 h 8208082"/>
            <a:gd name="connsiteX20" fmla="*/ 0 w 5129893"/>
            <a:gd name="connsiteY20" fmla="*/ 3284249 h 8208082"/>
            <a:gd name="connsiteX21" fmla="*/ 0 w 5129893"/>
            <a:gd name="connsiteY21" fmla="*/ 3284254 h 8208082"/>
            <a:gd name="connsiteX0" fmla="*/ 0 w 5129893"/>
            <a:gd name="connsiteY0" fmla="*/ 3284254 h 8208082"/>
            <a:gd name="connsiteX1" fmla="*/ 270501 w 5129893"/>
            <a:gd name="connsiteY1" fmla="*/ 3013753 h 8208082"/>
            <a:gd name="connsiteX2" fmla="*/ 854982 w 5129893"/>
            <a:gd name="connsiteY2" fmla="*/ 3013753 h 8208082"/>
            <a:gd name="connsiteX3" fmla="*/ 1217683 w 5129893"/>
            <a:gd name="connsiteY3" fmla="*/ 0 h 8208082"/>
            <a:gd name="connsiteX4" fmla="*/ 1583569 w 5129893"/>
            <a:gd name="connsiteY4" fmla="*/ 2989089 h 8208082"/>
            <a:gd name="connsiteX5" fmla="*/ 4859392 w 5129893"/>
            <a:gd name="connsiteY5" fmla="*/ 3013753 h 8208082"/>
            <a:gd name="connsiteX6" fmla="*/ 5129893 w 5129893"/>
            <a:gd name="connsiteY6" fmla="*/ 3284254 h 8208082"/>
            <a:gd name="connsiteX7" fmla="*/ 5129893 w 5129893"/>
            <a:gd name="connsiteY7" fmla="*/ 3284249 h 8208082"/>
            <a:gd name="connsiteX8" fmla="*/ 5129893 w 5129893"/>
            <a:gd name="connsiteY8" fmla="*/ 3284249 h 8208082"/>
            <a:gd name="connsiteX9" fmla="*/ 5129893 w 5129893"/>
            <a:gd name="connsiteY9" fmla="*/ 3689993 h 8208082"/>
            <a:gd name="connsiteX10" fmla="*/ 5129893 w 5129893"/>
            <a:gd name="connsiteY10" fmla="*/ 4366228 h 8208082"/>
            <a:gd name="connsiteX11" fmla="*/ 4859392 w 5129893"/>
            <a:gd name="connsiteY11" fmla="*/ 4636729 h 8208082"/>
            <a:gd name="connsiteX12" fmla="*/ 1594000 w 5129893"/>
            <a:gd name="connsiteY12" fmla="*/ 4690438 h 8208082"/>
            <a:gd name="connsiteX13" fmla="*/ 914534 w 5129893"/>
            <a:gd name="connsiteY13" fmla="*/ 8208082 h 8208082"/>
            <a:gd name="connsiteX14" fmla="*/ 854982 w 5129893"/>
            <a:gd name="connsiteY14" fmla="*/ 4636729 h 8208082"/>
            <a:gd name="connsiteX15" fmla="*/ 854982 w 5129893"/>
            <a:gd name="connsiteY15" fmla="*/ 4636729 h 8208082"/>
            <a:gd name="connsiteX16" fmla="*/ 270501 w 5129893"/>
            <a:gd name="connsiteY16" fmla="*/ 4636729 h 8208082"/>
            <a:gd name="connsiteX17" fmla="*/ 0 w 5129893"/>
            <a:gd name="connsiteY17" fmla="*/ 4366228 h 8208082"/>
            <a:gd name="connsiteX18" fmla="*/ 0 w 5129893"/>
            <a:gd name="connsiteY18" fmla="*/ 3689993 h 8208082"/>
            <a:gd name="connsiteX19" fmla="*/ 0 w 5129893"/>
            <a:gd name="connsiteY19" fmla="*/ 3284249 h 8208082"/>
            <a:gd name="connsiteX20" fmla="*/ 0 w 5129893"/>
            <a:gd name="connsiteY20" fmla="*/ 3284249 h 8208082"/>
            <a:gd name="connsiteX21" fmla="*/ 0 w 5129893"/>
            <a:gd name="connsiteY21" fmla="*/ 3284254 h 8208082"/>
            <a:gd name="connsiteX0" fmla="*/ 0 w 5129893"/>
            <a:gd name="connsiteY0" fmla="*/ 3284254 h 8208082"/>
            <a:gd name="connsiteX1" fmla="*/ 270501 w 5129893"/>
            <a:gd name="connsiteY1" fmla="*/ 3013753 h 8208082"/>
            <a:gd name="connsiteX2" fmla="*/ 854982 w 5129893"/>
            <a:gd name="connsiteY2" fmla="*/ 3013753 h 8208082"/>
            <a:gd name="connsiteX3" fmla="*/ 1217683 w 5129893"/>
            <a:gd name="connsiteY3" fmla="*/ 0 h 8208082"/>
            <a:gd name="connsiteX4" fmla="*/ 1583569 w 5129893"/>
            <a:gd name="connsiteY4" fmla="*/ 2989089 h 8208082"/>
            <a:gd name="connsiteX5" fmla="*/ 4859392 w 5129893"/>
            <a:gd name="connsiteY5" fmla="*/ 3013753 h 8208082"/>
            <a:gd name="connsiteX6" fmla="*/ 5129893 w 5129893"/>
            <a:gd name="connsiteY6" fmla="*/ 3284254 h 8208082"/>
            <a:gd name="connsiteX7" fmla="*/ 5129893 w 5129893"/>
            <a:gd name="connsiteY7" fmla="*/ 3284249 h 8208082"/>
            <a:gd name="connsiteX8" fmla="*/ 5129893 w 5129893"/>
            <a:gd name="connsiteY8" fmla="*/ 3284249 h 8208082"/>
            <a:gd name="connsiteX9" fmla="*/ 5129893 w 5129893"/>
            <a:gd name="connsiteY9" fmla="*/ 3689993 h 8208082"/>
            <a:gd name="connsiteX10" fmla="*/ 5129893 w 5129893"/>
            <a:gd name="connsiteY10" fmla="*/ 4366228 h 8208082"/>
            <a:gd name="connsiteX11" fmla="*/ 4859392 w 5129893"/>
            <a:gd name="connsiteY11" fmla="*/ 4636729 h 8208082"/>
            <a:gd name="connsiteX12" fmla="*/ 1594000 w 5129893"/>
            <a:gd name="connsiteY12" fmla="*/ 4690438 h 8208082"/>
            <a:gd name="connsiteX13" fmla="*/ 914534 w 5129893"/>
            <a:gd name="connsiteY13" fmla="*/ 8208082 h 8208082"/>
            <a:gd name="connsiteX14" fmla="*/ 854982 w 5129893"/>
            <a:gd name="connsiteY14" fmla="*/ 4636729 h 8208082"/>
            <a:gd name="connsiteX15" fmla="*/ 854982 w 5129893"/>
            <a:gd name="connsiteY15" fmla="*/ 4636729 h 8208082"/>
            <a:gd name="connsiteX16" fmla="*/ 270501 w 5129893"/>
            <a:gd name="connsiteY16" fmla="*/ 4636729 h 8208082"/>
            <a:gd name="connsiteX17" fmla="*/ 0 w 5129893"/>
            <a:gd name="connsiteY17" fmla="*/ 4366228 h 8208082"/>
            <a:gd name="connsiteX18" fmla="*/ 0 w 5129893"/>
            <a:gd name="connsiteY18" fmla="*/ 3689993 h 8208082"/>
            <a:gd name="connsiteX19" fmla="*/ 0 w 5129893"/>
            <a:gd name="connsiteY19" fmla="*/ 3284249 h 8208082"/>
            <a:gd name="connsiteX20" fmla="*/ 0 w 5129893"/>
            <a:gd name="connsiteY20" fmla="*/ 3284249 h 8208082"/>
            <a:gd name="connsiteX21" fmla="*/ 0 w 5129893"/>
            <a:gd name="connsiteY21" fmla="*/ 3284254 h 8208082"/>
            <a:gd name="connsiteX0" fmla="*/ 0 w 5129893"/>
            <a:gd name="connsiteY0" fmla="*/ 3284254 h 8208082"/>
            <a:gd name="connsiteX1" fmla="*/ 270501 w 5129893"/>
            <a:gd name="connsiteY1" fmla="*/ 3013753 h 8208082"/>
            <a:gd name="connsiteX2" fmla="*/ 854982 w 5129893"/>
            <a:gd name="connsiteY2" fmla="*/ 3013753 h 8208082"/>
            <a:gd name="connsiteX3" fmla="*/ 1217683 w 5129893"/>
            <a:gd name="connsiteY3" fmla="*/ 0 h 8208082"/>
            <a:gd name="connsiteX4" fmla="*/ 1583569 w 5129893"/>
            <a:gd name="connsiteY4" fmla="*/ 2989089 h 8208082"/>
            <a:gd name="connsiteX5" fmla="*/ 4859392 w 5129893"/>
            <a:gd name="connsiteY5" fmla="*/ 3013753 h 8208082"/>
            <a:gd name="connsiteX6" fmla="*/ 5129893 w 5129893"/>
            <a:gd name="connsiteY6" fmla="*/ 3284254 h 8208082"/>
            <a:gd name="connsiteX7" fmla="*/ 5129893 w 5129893"/>
            <a:gd name="connsiteY7" fmla="*/ 3284249 h 8208082"/>
            <a:gd name="connsiteX8" fmla="*/ 5129893 w 5129893"/>
            <a:gd name="connsiteY8" fmla="*/ 3284249 h 8208082"/>
            <a:gd name="connsiteX9" fmla="*/ 5129893 w 5129893"/>
            <a:gd name="connsiteY9" fmla="*/ 3689993 h 8208082"/>
            <a:gd name="connsiteX10" fmla="*/ 5129893 w 5129893"/>
            <a:gd name="connsiteY10" fmla="*/ 4366228 h 8208082"/>
            <a:gd name="connsiteX11" fmla="*/ 4859392 w 5129893"/>
            <a:gd name="connsiteY11" fmla="*/ 4636729 h 8208082"/>
            <a:gd name="connsiteX12" fmla="*/ 1594000 w 5129893"/>
            <a:gd name="connsiteY12" fmla="*/ 4690438 h 8208082"/>
            <a:gd name="connsiteX13" fmla="*/ 914534 w 5129893"/>
            <a:gd name="connsiteY13" fmla="*/ 8208082 h 8208082"/>
            <a:gd name="connsiteX14" fmla="*/ 854982 w 5129893"/>
            <a:gd name="connsiteY14" fmla="*/ 4636729 h 8208082"/>
            <a:gd name="connsiteX15" fmla="*/ 854982 w 5129893"/>
            <a:gd name="connsiteY15" fmla="*/ 4636729 h 8208082"/>
            <a:gd name="connsiteX16" fmla="*/ 270501 w 5129893"/>
            <a:gd name="connsiteY16" fmla="*/ 4636729 h 8208082"/>
            <a:gd name="connsiteX17" fmla="*/ 0 w 5129893"/>
            <a:gd name="connsiteY17" fmla="*/ 4366228 h 8208082"/>
            <a:gd name="connsiteX18" fmla="*/ 0 w 5129893"/>
            <a:gd name="connsiteY18" fmla="*/ 3689993 h 8208082"/>
            <a:gd name="connsiteX19" fmla="*/ 0 w 5129893"/>
            <a:gd name="connsiteY19" fmla="*/ 3284249 h 8208082"/>
            <a:gd name="connsiteX20" fmla="*/ 0 w 5129893"/>
            <a:gd name="connsiteY20" fmla="*/ 3284249 h 8208082"/>
            <a:gd name="connsiteX21" fmla="*/ 0 w 5129893"/>
            <a:gd name="connsiteY21" fmla="*/ 3284254 h 8208082"/>
            <a:gd name="connsiteX0" fmla="*/ 0 w 5129893"/>
            <a:gd name="connsiteY0" fmla="*/ 3284254 h 8208082"/>
            <a:gd name="connsiteX1" fmla="*/ 270501 w 5129893"/>
            <a:gd name="connsiteY1" fmla="*/ 3013753 h 8208082"/>
            <a:gd name="connsiteX2" fmla="*/ 854982 w 5129893"/>
            <a:gd name="connsiteY2" fmla="*/ 3013753 h 8208082"/>
            <a:gd name="connsiteX3" fmla="*/ 1217683 w 5129893"/>
            <a:gd name="connsiteY3" fmla="*/ 0 h 8208082"/>
            <a:gd name="connsiteX4" fmla="*/ 1583569 w 5129893"/>
            <a:gd name="connsiteY4" fmla="*/ 2989089 h 8208082"/>
            <a:gd name="connsiteX5" fmla="*/ 4859392 w 5129893"/>
            <a:gd name="connsiteY5" fmla="*/ 3013753 h 8208082"/>
            <a:gd name="connsiteX6" fmla="*/ 5129893 w 5129893"/>
            <a:gd name="connsiteY6" fmla="*/ 3284254 h 8208082"/>
            <a:gd name="connsiteX7" fmla="*/ 5129893 w 5129893"/>
            <a:gd name="connsiteY7" fmla="*/ 3284249 h 8208082"/>
            <a:gd name="connsiteX8" fmla="*/ 5129893 w 5129893"/>
            <a:gd name="connsiteY8" fmla="*/ 3284249 h 8208082"/>
            <a:gd name="connsiteX9" fmla="*/ 5129893 w 5129893"/>
            <a:gd name="connsiteY9" fmla="*/ 3689993 h 8208082"/>
            <a:gd name="connsiteX10" fmla="*/ 5129893 w 5129893"/>
            <a:gd name="connsiteY10" fmla="*/ 4366228 h 8208082"/>
            <a:gd name="connsiteX11" fmla="*/ 4859392 w 5129893"/>
            <a:gd name="connsiteY11" fmla="*/ 4636729 h 8208082"/>
            <a:gd name="connsiteX12" fmla="*/ 1594000 w 5129893"/>
            <a:gd name="connsiteY12" fmla="*/ 4690438 h 8208082"/>
            <a:gd name="connsiteX13" fmla="*/ 914534 w 5129893"/>
            <a:gd name="connsiteY13" fmla="*/ 8208082 h 8208082"/>
            <a:gd name="connsiteX14" fmla="*/ 854982 w 5129893"/>
            <a:gd name="connsiteY14" fmla="*/ 4636729 h 8208082"/>
            <a:gd name="connsiteX15" fmla="*/ 854982 w 5129893"/>
            <a:gd name="connsiteY15" fmla="*/ 4636729 h 8208082"/>
            <a:gd name="connsiteX16" fmla="*/ 270501 w 5129893"/>
            <a:gd name="connsiteY16" fmla="*/ 4636729 h 8208082"/>
            <a:gd name="connsiteX17" fmla="*/ 0 w 5129893"/>
            <a:gd name="connsiteY17" fmla="*/ 4366228 h 8208082"/>
            <a:gd name="connsiteX18" fmla="*/ 0 w 5129893"/>
            <a:gd name="connsiteY18" fmla="*/ 3689993 h 8208082"/>
            <a:gd name="connsiteX19" fmla="*/ 0 w 5129893"/>
            <a:gd name="connsiteY19" fmla="*/ 3284249 h 8208082"/>
            <a:gd name="connsiteX20" fmla="*/ 0 w 5129893"/>
            <a:gd name="connsiteY20" fmla="*/ 3284249 h 8208082"/>
            <a:gd name="connsiteX21" fmla="*/ 0 w 5129893"/>
            <a:gd name="connsiteY21" fmla="*/ 3284254 h 8208082"/>
            <a:gd name="connsiteX0" fmla="*/ 0 w 5129893"/>
            <a:gd name="connsiteY0" fmla="*/ 3284254 h 8208082"/>
            <a:gd name="connsiteX1" fmla="*/ 270501 w 5129893"/>
            <a:gd name="connsiteY1" fmla="*/ 3013753 h 8208082"/>
            <a:gd name="connsiteX2" fmla="*/ 854982 w 5129893"/>
            <a:gd name="connsiteY2" fmla="*/ 3013753 h 8208082"/>
            <a:gd name="connsiteX3" fmla="*/ 1217683 w 5129893"/>
            <a:gd name="connsiteY3" fmla="*/ 0 h 8208082"/>
            <a:gd name="connsiteX4" fmla="*/ 1583569 w 5129893"/>
            <a:gd name="connsiteY4" fmla="*/ 2989089 h 8208082"/>
            <a:gd name="connsiteX5" fmla="*/ 4859392 w 5129893"/>
            <a:gd name="connsiteY5" fmla="*/ 3013753 h 8208082"/>
            <a:gd name="connsiteX6" fmla="*/ 5129893 w 5129893"/>
            <a:gd name="connsiteY6" fmla="*/ 3284254 h 8208082"/>
            <a:gd name="connsiteX7" fmla="*/ 5129893 w 5129893"/>
            <a:gd name="connsiteY7" fmla="*/ 3284249 h 8208082"/>
            <a:gd name="connsiteX8" fmla="*/ 5129893 w 5129893"/>
            <a:gd name="connsiteY8" fmla="*/ 3284249 h 8208082"/>
            <a:gd name="connsiteX9" fmla="*/ 5129893 w 5129893"/>
            <a:gd name="connsiteY9" fmla="*/ 3689993 h 8208082"/>
            <a:gd name="connsiteX10" fmla="*/ 5129893 w 5129893"/>
            <a:gd name="connsiteY10" fmla="*/ 4366228 h 8208082"/>
            <a:gd name="connsiteX11" fmla="*/ 4859392 w 5129893"/>
            <a:gd name="connsiteY11" fmla="*/ 4636729 h 8208082"/>
            <a:gd name="connsiteX12" fmla="*/ 1594000 w 5129893"/>
            <a:gd name="connsiteY12" fmla="*/ 4690438 h 8208082"/>
            <a:gd name="connsiteX13" fmla="*/ 914534 w 5129893"/>
            <a:gd name="connsiteY13" fmla="*/ 8208082 h 8208082"/>
            <a:gd name="connsiteX14" fmla="*/ 854982 w 5129893"/>
            <a:gd name="connsiteY14" fmla="*/ 4636729 h 8208082"/>
            <a:gd name="connsiteX15" fmla="*/ 854982 w 5129893"/>
            <a:gd name="connsiteY15" fmla="*/ 4636729 h 8208082"/>
            <a:gd name="connsiteX16" fmla="*/ 270501 w 5129893"/>
            <a:gd name="connsiteY16" fmla="*/ 4636729 h 8208082"/>
            <a:gd name="connsiteX17" fmla="*/ 0 w 5129893"/>
            <a:gd name="connsiteY17" fmla="*/ 4366228 h 8208082"/>
            <a:gd name="connsiteX18" fmla="*/ 0 w 5129893"/>
            <a:gd name="connsiteY18" fmla="*/ 3689993 h 8208082"/>
            <a:gd name="connsiteX19" fmla="*/ 0 w 5129893"/>
            <a:gd name="connsiteY19" fmla="*/ 3284249 h 8208082"/>
            <a:gd name="connsiteX20" fmla="*/ 0 w 5129893"/>
            <a:gd name="connsiteY20" fmla="*/ 3284249 h 8208082"/>
            <a:gd name="connsiteX21" fmla="*/ 0 w 5129893"/>
            <a:gd name="connsiteY21" fmla="*/ 3284254 h 8208082"/>
            <a:gd name="connsiteX0" fmla="*/ 0 w 5129893"/>
            <a:gd name="connsiteY0" fmla="*/ 3284254 h 8208082"/>
            <a:gd name="connsiteX1" fmla="*/ 270501 w 5129893"/>
            <a:gd name="connsiteY1" fmla="*/ 3013753 h 8208082"/>
            <a:gd name="connsiteX2" fmla="*/ 854982 w 5129893"/>
            <a:gd name="connsiteY2" fmla="*/ 3013753 h 8208082"/>
            <a:gd name="connsiteX3" fmla="*/ 1217683 w 5129893"/>
            <a:gd name="connsiteY3" fmla="*/ 0 h 8208082"/>
            <a:gd name="connsiteX4" fmla="*/ 1583569 w 5129893"/>
            <a:gd name="connsiteY4" fmla="*/ 2989089 h 8208082"/>
            <a:gd name="connsiteX5" fmla="*/ 4859392 w 5129893"/>
            <a:gd name="connsiteY5" fmla="*/ 3013753 h 8208082"/>
            <a:gd name="connsiteX6" fmla="*/ 5129893 w 5129893"/>
            <a:gd name="connsiteY6" fmla="*/ 3284254 h 8208082"/>
            <a:gd name="connsiteX7" fmla="*/ 5129893 w 5129893"/>
            <a:gd name="connsiteY7" fmla="*/ 3284249 h 8208082"/>
            <a:gd name="connsiteX8" fmla="*/ 5129893 w 5129893"/>
            <a:gd name="connsiteY8" fmla="*/ 3284249 h 8208082"/>
            <a:gd name="connsiteX9" fmla="*/ 5129893 w 5129893"/>
            <a:gd name="connsiteY9" fmla="*/ 3689993 h 8208082"/>
            <a:gd name="connsiteX10" fmla="*/ 5129893 w 5129893"/>
            <a:gd name="connsiteY10" fmla="*/ 4366228 h 8208082"/>
            <a:gd name="connsiteX11" fmla="*/ 4859392 w 5129893"/>
            <a:gd name="connsiteY11" fmla="*/ 4636729 h 8208082"/>
            <a:gd name="connsiteX12" fmla="*/ 1580541 w 5129893"/>
            <a:gd name="connsiteY12" fmla="*/ 4664418 h 8208082"/>
            <a:gd name="connsiteX13" fmla="*/ 914534 w 5129893"/>
            <a:gd name="connsiteY13" fmla="*/ 8208082 h 8208082"/>
            <a:gd name="connsiteX14" fmla="*/ 854982 w 5129893"/>
            <a:gd name="connsiteY14" fmla="*/ 4636729 h 8208082"/>
            <a:gd name="connsiteX15" fmla="*/ 854982 w 5129893"/>
            <a:gd name="connsiteY15" fmla="*/ 4636729 h 8208082"/>
            <a:gd name="connsiteX16" fmla="*/ 270501 w 5129893"/>
            <a:gd name="connsiteY16" fmla="*/ 4636729 h 8208082"/>
            <a:gd name="connsiteX17" fmla="*/ 0 w 5129893"/>
            <a:gd name="connsiteY17" fmla="*/ 4366228 h 8208082"/>
            <a:gd name="connsiteX18" fmla="*/ 0 w 5129893"/>
            <a:gd name="connsiteY18" fmla="*/ 3689993 h 8208082"/>
            <a:gd name="connsiteX19" fmla="*/ 0 w 5129893"/>
            <a:gd name="connsiteY19" fmla="*/ 3284249 h 8208082"/>
            <a:gd name="connsiteX20" fmla="*/ 0 w 5129893"/>
            <a:gd name="connsiteY20" fmla="*/ 3284249 h 8208082"/>
            <a:gd name="connsiteX21" fmla="*/ 0 w 5129893"/>
            <a:gd name="connsiteY21" fmla="*/ 3284254 h 820808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Lst>
          <a:rect l="l" t="t" r="r" b="b"/>
          <a:pathLst>
            <a:path w="5129893" h="8208082">
              <a:moveTo>
                <a:pt x="0" y="3284254"/>
              </a:moveTo>
              <a:cubicBezTo>
                <a:pt x="0" y="3134860"/>
                <a:pt x="121107" y="3013753"/>
                <a:pt x="270501" y="3013753"/>
              </a:cubicBezTo>
              <a:lnTo>
                <a:pt x="854982" y="3013753"/>
              </a:lnTo>
              <a:lnTo>
                <a:pt x="1217683" y="0"/>
              </a:lnTo>
              <a:lnTo>
                <a:pt x="1583569" y="2989089"/>
              </a:lnTo>
              <a:lnTo>
                <a:pt x="4859392" y="3013753"/>
              </a:lnTo>
              <a:cubicBezTo>
                <a:pt x="5008786" y="3013753"/>
                <a:pt x="5129893" y="3134860"/>
                <a:pt x="5129893" y="3284254"/>
              </a:cubicBezTo>
              <a:lnTo>
                <a:pt x="5129893" y="3284249"/>
              </a:lnTo>
              <a:lnTo>
                <a:pt x="5129893" y="3284249"/>
              </a:lnTo>
              <a:lnTo>
                <a:pt x="5129893" y="3689993"/>
              </a:lnTo>
              <a:lnTo>
                <a:pt x="5129893" y="4366228"/>
              </a:lnTo>
              <a:cubicBezTo>
                <a:pt x="5129893" y="4515622"/>
                <a:pt x="5008786" y="4636729"/>
                <a:pt x="4859392" y="4636729"/>
              </a:cubicBezTo>
              <a:lnTo>
                <a:pt x="1580541" y="4664418"/>
              </a:lnTo>
              <a:cubicBezTo>
                <a:pt x="1519873" y="4663935"/>
                <a:pt x="1221810" y="7213343"/>
                <a:pt x="914534" y="8208082"/>
              </a:cubicBezTo>
              <a:cubicBezTo>
                <a:pt x="912630" y="7017631"/>
                <a:pt x="856886" y="5827180"/>
                <a:pt x="854982" y="4636729"/>
              </a:cubicBezTo>
              <a:lnTo>
                <a:pt x="854982" y="4636729"/>
              </a:lnTo>
              <a:lnTo>
                <a:pt x="270501" y="4636729"/>
              </a:lnTo>
              <a:cubicBezTo>
                <a:pt x="121107" y="4636729"/>
                <a:pt x="0" y="4515622"/>
                <a:pt x="0" y="4366228"/>
              </a:cubicBezTo>
              <a:lnTo>
                <a:pt x="0" y="3689993"/>
              </a:lnTo>
              <a:lnTo>
                <a:pt x="0" y="3284249"/>
              </a:lnTo>
              <a:lnTo>
                <a:pt x="0" y="3284249"/>
              </a:lnTo>
              <a:lnTo>
                <a:pt x="0" y="3284254"/>
              </a:lnTo>
              <a:close/>
            </a:path>
          </a:pathLst>
        </a:custGeom>
        <a:solidFill>
          <a:schemeClr val="bg2"/>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600">
              <a:solidFill>
                <a:schemeClr val="tx1"/>
              </a:solidFill>
              <a:latin typeface="UD デジタル 教科書体 N-B" panose="02020700000000000000" pitchFamily="17" charset="-128"/>
              <a:ea typeface="UD デジタル 教科書体 N-B" panose="02020700000000000000" pitchFamily="17" charset="-128"/>
            </a:rPr>
            <a:t>  ※</a:t>
          </a:r>
          <a:r>
            <a:rPr kumimoji="1" lang="ja-JP" altLang="en-US" sz="1600">
              <a:solidFill>
                <a:schemeClr val="tx1"/>
              </a:solidFill>
              <a:latin typeface="UD デジタル 教科書体 N-B" panose="02020700000000000000" pitchFamily="17" charset="-128"/>
              <a:ea typeface="UD デジタル 教科書体 N-B" panose="02020700000000000000" pitchFamily="17" charset="-128"/>
            </a:rPr>
            <a:t>雇用</a:t>
          </a:r>
          <a:r>
            <a:rPr kumimoji="1" lang="en-US" altLang="ja-JP" sz="1600">
              <a:solidFill>
                <a:schemeClr val="tx1"/>
              </a:solidFill>
              <a:latin typeface="UD デジタル 教科書体 N-B" panose="02020700000000000000" pitchFamily="17" charset="-128"/>
              <a:ea typeface="UD デジタル 教科書体 N-B" panose="02020700000000000000" pitchFamily="17" charset="-128"/>
            </a:rPr>
            <a:t>(</a:t>
          </a:r>
          <a:r>
            <a:rPr kumimoji="1" lang="ja-JP" altLang="en-US" sz="1600">
              <a:solidFill>
                <a:schemeClr val="tx1"/>
              </a:solidFill>
              <a:latin typeface="UD デジタル 教科書体 N-B" panose="02020700000000000000" pitchFamily="17" charset="-128"/>
              <a:ea typeface="UD デジタル 教科書体 N-B" panose="02020700000000000000" pitchFamily="17" charset="-128"/>
            </a:rPr>
            <a:t>予定</a:t>
          </a:r>
          <a:r>
            <a:rPr kumimoji="1" lang="en-US" altLang="ja-JP" sz="1600">
              <a:solidFill>
                <a:schemeClr val="tx1"/>
              </a:solidFill>
              <a:latin typeface="UD デジタル 教科書体 N-B" panose="02020700000000000000" pitchFamily="17" charset="-128"/>
              <a:ea typeface="UD デジタル 教科書体 N-B" panose="02020700000000000000" pitchFamily="17" charset="-128"/>
            </a:rPr>
            <a:t>)</a:t>
          </a:r>
          <a:r>
            <a:rPr kumimoji="1" lang="ja-JP" altLang="en-US" sz="1600">
              <a:solidFill>
                <a:schemeClr val="tx1"/>
              </a:solidFill>
              <a:latin typeface="UD デジタル 教科書体 N-B" panose="02020700000000000000" pitchFamily="17" charset="-128"/>
              <a:ea typeface="UD デジタル 教科書体 N-B" panose="02020700000000000000" pitchFamily="17" charset="-128"/>
            </a:rPr>
            <a:t>期間が</a:t>
          </a:r>
          <a:r>
            <a:rPr kumimoji="1" lang="ja-JP" altLang="en-US" sz="1800" b="1">
              <a:solidFill>
                <a:schemeClr val="tx1"/>
              </a:solidFill>
              <a:latin typeface="UD デジタル 教科書体 N-B" panose="02020700000000000000" pitchFamily="17" charset="-128"/>
              <a:ea typeface="UD デジタル 教科書体 N-B" panose="02020700000000000000" pitchFamily="17" charset="-128"/>
            </a:rPr>
            <a:t>「有期」</a:t>
          </a:r>
          <a:r>
            <a:rPr kumimoji="1" lang="ja-JP" altLang="en-US" sz="1600">
              <a:solidFill>
                <a:schemeClr val="tx1"/>
              </a:solidFill>
              <a:latin typeface="UD デジタル 教科書体 N-B" panose="02020700000000000000" pitchFamily="17" charset="-128"/>
              <a:ea typeface="UD デジタル 教科書体 N-B" panose="02020700000000000000" pitchFamily="17" charset="-128"/>
            </a:rPr>
            <a:t>の場合は、</a:t>
          </a:r>
          <a:endParaRPr kumimoji="1" lang="en-US" altLang="ja-JP" sz="1600">
            <a:solidFill>
              <a:schemeClr val="tx1"/>
            </a:solidFill>
            <a:latin typeface="UD デジタル 教科書体 N-B" panose="02020700000000000000" pitchFamily="17" charset="-128"/>
            <a:ea typeface="UD デジタル 教科書体 N-B" panose="02020700000000000000" pitchFamily="17" charset="-128"/>
          </a:endParaRPr>
        </a:p>
        <a:p>
          <a:pPr algn="l"/>
          <a:r>
            <a:rPr kumimoji="1" lang="ja-JP" altLang="en-US" sz="1800" b="1">
              <a:solidFill>
                <a:schemeClr val="tx1"/>
              </a:solidFill>
              <a:latin typeface="UD デジタル 教科書体 N-B" panose="02020700000000000000" pitchFamily="17" charset="-128"/>
              <a:ea typeface="UD デジタル 教科書体 N-B" panose="02020700000000000000" pitchFamily="17" charset="-128"/>
            </a:rPr>
            <a:t>　 </a:t>
          </a:r>
          <a:r>
            <a:rPr kumimoji="1" lang="en-US" altLang="ja-JP" sz="1800" b="1">
              <a:solidFill>
                <a:schemeClr val="tx1"/>
              </a:solidFill>
              <a:latin typeface="UD デジタル 教科書体 N-B" panose="02020700000000000000" pitchFamily="17" charset="-128"/>
              <a:ea typeface="UD デジタル 教科書体 N-B" panose="02020700000000000000" pitchFamily="17" charset="-128"/>
            </a:rPr>
            <a:t>14.</a:t>
          </a:r>
          <a:r>
            <a:rPr kumimoji="1" lang="ja-JP" altLang="en-US" sz="1800" b="1">
              <a:solidFill>
                <a:schemeClr val="tx1"/>
              </a:solidFill>
              <a:latin typeface="UD デジタル 教科書体 N-B" panose="02020700000000000000" pitchFamily="17" charset="-128"/>
              <a:ea typeface="UD デジタル 教科書体 N-B" panose="02020700000000000000" pitchFamily="17" charset="-128"/>
            </a:rPr>
            <a:t>（雇用契約の）満了後の更新の有無に</a:t>
          </a:r>
          <a:endParaRPr kumimoji="1" lang="en-US" altLang="ja-JP" sz="1800" b="1">
            <a:solidFill>
              <a:schemeClr val="tx1"/>
            </a:solidFill>
            <a:latin typeface="UD デジタル 教科書体 N-B" panose="02020700000000000000" pitchFamily="17" charset="-128"/>
            <a:ea typeface="UD デジタル 教科書体 N-B" panose="02020700000000000000" pitchFamily="17" charset="-128"/>
          </a:endParaRPr>
        </a:p>
        <a:p>
          <a:pPr algn="l"/>
          <a:r>
            <a:rPr kumimoji="1" lang="ja-JP" altLang="en-US" sz="1800" b="1">
              <a:solidFill>
                <a:schemeClr val="tx1"/>
              </a:solidFill>
              <a:latin typeface="UD デジタル 教科書体 N-B" panose="02020700000000000000" pitchFamily="17" charset="-128"/>
              <a:ea typeface="UD デジタル 教科書体 N-B" panose="02020700000000000000" pitchFamily="17" charset="-128"/>
            </a:rPr>
            <a:t>　 チェックを入れてください</a:t>
          </a:r>
          <a:endParaRPr kumimoji="1" lang="en-US" altLang="ja-JP" sz="1800" b="1">
            <a:solidFill>
              <a:schemeClr val="tx1"/>
            </a:solidFill>
            <a:latin typeface="UD デジタル 教科書体 N-B" panose="02020700000000000000" pitchFamily="17" charset="-128"/>
            <a:ea typeface="UD デジタル 教科書体 N-B" panose="02020700000000000000" pitchFamily="17" charset="-128"/>
          </a:endParaRPr>
        </a:p>
        <a:p>
          <a:pPr algn="l"/>
          <a:endParaRPr kumimoji="1" lang="en-US" altLang="ja-JP" sz="1800" b="1">
            <a:solidFill>
              <a:schemeClr val="tx1"/>
            </a:solidFill>
            <a:latin typeface="UD デジタル 教科書体 N-B" panose="02020700000000000000" pitchFamily="17" charset="-128"/>
            <a:ea typeface="UD デジタル 教科書体 N-B" panose="02020700000000000000" pitchFamily="17" charset="-128"/>
          </a:endParaRPr>
        </a:p>
        <a:p>
          <a:pPr algn="l"/>
          <a:endParaRPr kumimoji="1" lang="en-US" altLang="ja-JP" sz="1600" b="0">
            <a:solidFill>
              <a:schemeClr val="tx1"/>
            </a:solidFill>
            <a:latin typeface="UD デジタル 教科書体 N-B" panose="02020700000000000000" pitchFamily="17" charset="-128"/>
            <a:ea typeface="UD デジタル 教科書体 N-B" panose="02020700000000000000" pitchFamily="17" charset="-128"/>
          </a:endParaRPr>
        </a:p>
      </xdr:txBody>
    </xdr:sp>
    <xdr:clientData/>
  </xdr:twoCellAnchor>
  <xdr:twoCellAnchor>
    <xdr:from>
      <xdr:col>7</xdr:col>
      <xdr:colOff>488156</xdr:colOff>
      <xdr:row>45</xdr:row>
      <xdr:rowOff>23812</xdr:rowOff>
    </xdr:from>
    <xdr:to>
      <xdr:col>17</xdr:col>
      <xdr:colOff>238124</xdr:colOff>
      <xdr:row>45</xdr:row>
      <xdr:rowOff>642937</xdr:rowOff>
    </xdr:to>
    <xdr:sp macro="" textlink="">
      <xdr:nvSpPr>
        <xdr:cNvPr id="10" name="正方形/長方形 9">
          <a:extLst>
            <a:ext uri="{FF2B5EF4-FFF2-40B4-BE49-F238E27FC236}">
              <a16:creationId xmlns:a16="http://schemas.microsoft.com/office/drawing/2014/main" id="{237ECF87-2562-45C9-9C93-69644CB539DC}"/>
            </a:ext>
          </a:extLst>
        </xdr:cNvPr>
        <xdr:cNvSpPr/>
      </xdr:nvSpPr>
      <xdr:spPr>
        <a:xfrm>
          <a:off x="2399506" y="15479712"/>
          <a:ext cx="3337718" cy="619125"/>
        </a:xfrm>
        <a:prstGeom prst="rect">
          <a:avLst/>
        </a:prstGeom>
        <a:noFill/>
        <a:ln w="57150">
          <a:solidFill>
            <a:schemeClr val="tx2"/>
          </a:solidFill>
          <a:prstDash val="sysDot"/>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147411</xdr:colOff>
      <xdr:row>50</xdr:row>
      <xdr:rowOff>90714</xdr:rowOff>
    </xdr:from>
    <xdr:to>
      <xdr:col>7</xdr:col>
      <xdr:colOff>396875</xdr:colOff>
      <xdr:row>55</xdr:row>
      <xdr:rowOff>192768</xdr:rowOff>
    </xdr:to>
    <xdr:sp macro="" textlink="">
      <xdr:nvSpPr>
        <xdr:cNvPr id="11" name="正方形/長方形 10">
          <a:extLst>
            <a:ext uri="{FF2B5EF4-FFF2-40B4-BE49-F238E27FC236}">
              <a16:creationId xmlns:a16="http://schemas.microsoft.com/office/drawing/2014/main" id="{A7413DDF-6EA7-4073-85A8-9B564D315B6D}"/>
            </a:ext>
          </a:extLst>
        </xdr:cNvPr>
        <xdr:cNvSpPr/>
      </xdr:nvSpPr>
      <xdr:spPr>
        <a:xfrm>
          <a:off x="503011" y="17496064"/>
          <a:ext cx="1805214" cy="1721304"/>
        </a:xfrm>
        <a:prstGeom prst="rect">
          <a:avLst/>
        </a:prstGeom>
        <a:noFill/>
        <a:ln w="57150">
          <a:solidFill>
            <a:schemeClr val="tx2"/>
          </a:solidFill>
          <a:prstDash val="sysDot"/>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68038</xdr:colOff>
      <xdr:row>56</xdr:row>
      <xdr:rowOff>79372</xdr:rowOff>
    </xdr:from>
    <xdr:to>
      <xdr:col>37</xdr:col>
      <xdr:colOff>11340</xdr:colOff>
      <xdr:row>73</xdr:row>
      <xdr:rowOff>68036</xdr:rowOff>
    </xdr:to>
    <xdr:sp macro="" textlink="">
      <xdr:nvSpPr>
        <xdr:cNvPr id="12" name="テキスト ボックス 11">
          <a:extLst>
            <a:ext uri="{FF2B5EF4-FFF2-40B4-BE49-F238E27FC236}">
              <a16:creationId xmlns:a16="http://schemas.microsoft.com/office/drawing/2014/main" id="{FDEB6999-93CA-4565-BB2C-26562D733918}"/>
            </a:ext>
          </a:extLst>
        </xdr:cNvPr>
        <xdr:cNvSpPr txBox="1"/>
      </xdr:nvSpPr>
      <xdr:spPr>
        <a:xfrm>
          <a:off x="68038" y="19427822"/>
          <a:ext cx="12052752" cy="3112864"/>
        </a:xfrm>
        <a:prstGeom prst="rect">
          <a:avLst/>
        </a:prstGeom>
        <a:solidFill>
          <a:schemeClr val="lt1"/>
        </a:solidFill>
        <a:ln w="41275" cmpd="thickThin">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kumimoji="1" lang="ja-JP" altLang="en-US" sz="1600" b="1">
              <a:latin typeface="UD デジタル 教科書体 N-B" panose="02020700000000000000" pitchFamily="17" charset="-128"/>
              <a:ea typeface="UD デジタル 教科書体 N-B" panose="02020700000000000000" pitchFamily="17" charset="-128"/>
            </a:rPr>
            <a:t>［ 証明書の「偽造」「変造（無断作成、改変）」した場合 ］</a:t>
          </a:r>
          <a:endParaRPr kumimoji="1" lang="en-US" altLang="ja-JP" sz="1600" b="1">
            <a:latin typeface="UD デジタル 教科書体 N-B" panose="02020700000000000000" pitchFamily="17" charset="-128"/>
            <a:ea typeface="UD デジタル 教科書体 N-B" panose="02020700000000000000" pitchFamily="17" charset="-128"/>
          </a:endParaRPr>
        </a:p>
        <a:p>
          <a:endParaRPr kumimoji="1" lang="en-US" altLang="ja-JP" sz="500" b="0">
            <a:latin typeface="UD デジタル 教科書体 N-B" panose="02020700000000000000" pitchFamily="17" charset="-128"/>
            <a:ea typeface="UD デジタル 教科書体 N-B" panose="02020700000000000000" pitchFamily="17" charset="-128"/>
          </a:endParaRPr>
        </a:p>
        <a:p>
          <a:r>
            <a:rPr kumimoji="1" lang="ja-JP" altLang="en-US" sz="1200" b="0">
              <a:latin typeface="UD デジタル 教科書体 N-B" panose="02020700000000000000" pitchFamily="17" charset="-128"/>
              <a:ea typeface="UD デジタル 教科書体 N-B" panose="02020700000000000000" pitchFamily="17" charset="-128"/>
            </a:rPr>
            <a:t>　</a:t>
          </a:r>
          <a:r>
            <a:rPr kumimoji="1" lang="ja-JP" altLang="en-US" sz="1400" b="0">
              <a:latin typeface="UD デジタル 教科書体 N-B" panose="02020700000000000000" pitchFamily="17" charset="-128"/>
              <a:ea typeface="UD デジタル 教科書体 N-B" panose="02020700000000000000" pitchFamily="17" charset="-128"/>
            </a:rPr>
            <a:t>事業者名が明記されている就労証明書又は就労証明書に係る電子データを無断で作成、または改変を行ったときは、就業者の押印が無くても</a:t>
          </a:r>
          <a:endParaRPr kumimoji="1" lang="en-US" altLang="ja-JP" sz="1400" b="0">
            <a:latin typeface="UD デジタル 教科書体 N-B" panose="02020700000000000000" pitchFamily="17" charset="-128"/>
            <a:ea typeface="UD デジタル 教科書体 N-B" panose="02020700000000000000" pitchFamily="17" charset="-128"/>
          </a:endParaRPr>
        </a:p>
        <a:p>
          <a:r>
            <a:rPr kumimoji="1" lang="ja-JP" altLang="en-US" sz="1400" b="1">
              <a:latin typeface="UD デジタル 教科書体 N-B" panose="02020700000000000000" pitchFamily="17" charset="-128"/>
              <a:ea typeface="UD デジタル 教科書体 N-B" panose="02020700000000000000" pitchFamily="17" charset="-128"/>
            </a:rPr>
            <a:t>「</a:t>
          </a:r>
          <a:r>
            <a:rPr kumimoji="1" lang="ja-JP" altLang="en-US" sz="1600" b="1">
              <a:latin typeface="UD デジタル 教科書体 N-B" panose="02020700000000000000" pitchFamily="17" charset="-128"/>
              <a:ea typeface="UD デジタル 教科書体 N-B" panose="02020700000000000000" pitchFamily="17" charset="-128"/>
            </a:rPr>
            <a:t>有印私文書偽造罪</a:t>
          </a:r>
          <a:r>
            <a:rPr kumimoji="1" lang="ja-JP" altLang="en-US" sz="1400" b="1">
              <a:latin typeface="UD デジタル 教科書体 N-B" panose="02020700000000000000" pitchFamily="17" charset="-128"/>
              <a:ea typeface="UD デジタル 教科書体 N-B" panose="02020700000000000000" pitchFamily="17" charset="-128"/>
            </a:rPr>
            <a:t>」</a:t>
          </a:r>
          <a:r>
            <a:rPr kumimoji="1" lang="ja-JP" altLang="en-US" sz="1200" b="0">
              <a:latin typeface="UD デジタル 教科書体 N-B" panose="02020700000000000000" pitchFamily="17" charset="-128"/>
              <a:ea typeface="UD デジタル 教科書体 N-B" panose="02020700000000000000" pitchFamily="17" charset="-128"/>
            </a:rPr>
            <a:t>、</a:t>
          </a:r>
          <a:r>
            <a:rPr kumimoji="1" lang="ja-JP" altLang="en-US" sz="1400" b="1">
              <a:latin typeface="UD デジタル 教科書体 N-B" panose="02020700000000000000" pitchFamily="17" charset="-128"/>
              <a:ea typeface="UD デジタル 教科書体 N-B" panose="02020700000000000000" pitchFamily="17" charset="-128"/>
            </a:rPr>
            <a:t>「</a:t>
          </a:r>
          <a:r>
            <a:rPr kumimoji="1" lang="ja-JP" altLang="en-US" sz="1600" b="1">
              <a:latin typeface="UD デジタル 教科書体 N-B" panose="02020700000000000000" pitchFamily="17" charset="-128"/>
              <a:ea typeface="UD デジタル 教科書体 N-B" panose="02020700000000000000" pitchFamily="17" charset="-128"/>
            </a:rPr>
            <a:t>有印私文書変造罪</a:t>
          </a:r>
          <a:r>
            <a:rPr kumimoji="1" lang="ja-JP" altLang="en-US" sz="1400" b="1">
              <a:latin typeface="UD デジタル 教科書体 N-B" panose="02020700000000000000" pitchFamily="17" charset="-128"/>
              <a:ea typeface="UD デジタル 教科書体 N-B" panose="02020700000000000000" pitchFamily="17" charset="-128"/>
            </a:rPr>
            <a:t>」</a:t>
          </a:r>
          <a:r>
            <a:rPr kumimoji="1" lang="ja-JP" altLang="en-US" sz="1400" b="0">
              <a:latin typeface="UD デジタル 教科書体 N-B" panose="02020700000000000000" pitchFamily="17" charset="-128"/>
              <a:ea typeface="UD デジタル 教科書体 N-B" panose="02020700000000000000" pitchFamily="17" charset="-128"/>
            </a:rPr>
            <a:t>または</a:t>
          </a:r>
          <a:r>
            <a:rPr kumimoji="1" lang="ja-JP" altLang="en-US" sz="1400" b="1">
              <a:latin typeface="UD デジタル 教科書体 N-B" panose="02020700000000000000" pitchFamily="17" charset="-128"/>
              <a:ea typeface="UD デジタル 教科書体 N-B" panose="02020700000000000000" pitchFamily="17" charset="-128"/>
            </a:rPr>
            <a:t>「</a:t>
          </a:r>
          <a:r>
            <a:rPr kumimoji="1" lang="ja-JP" altLang="en-US" sz="1600" b="1">
              <a:latin typeface="UD デジタル 教科書体 N-B" panose="02020700000000000000" pitchFamily="17" charset="-128"/>
              <a:ea typeface="UD デジタル 教科書体 N-B" panose="02020700000000000000" pitchFamily="17" charset="-128"/>
            </a:rPr>
            <a:t>私電磁的記録不正作成罪</a:t>
          </a:r>
          <a:r>
            <a:rPr kumimoji="1" lang="ja-JP" altLang="en-US" sz="1400" b="1">
              <a:latin typeface="UD デジタル 教科書体 N-B" panose="02020700000000000000" pitchFamily="17" charset="-128"/>
              <a:ea typeface="UD デジタル 教科書体 N-B" panose="02020700000000000000" pitchFamily="17" charset="-128"/>
            </a:rPr>
            <a:t>」</a:t>
          </a:r>
          <a:r>
            <a:rPr kumimoji="1" lang="ja-JP" altLang="en-US" sz="1400" b="0">
              <a:latin typeface="UD デジタル 教科書体 N-B" panose="02020700000000000000" pitchFamily="17" charset="-128"/>
              <a:ea typeface="UD デジタル 教科書体 N-B" panose="02020700000000000000" pitchFamily="17" charset="-128"/>
            </a:rPr>
            <a:t>の構成要件に該当すると認められる場合は各罪が成立</a:t>
          </a:r>
          <a:endParaRPr kumimoji="1" lang="en-US" altLang="ja-JP" sz="1400" b="0">
            <a:latin typeface="UD デジタル 教科書体 N-B" panose="02020700000000000000" pitchFamily="17" charset="-128"/>
            <a:ea typeface="UD デジタル 教科書体 N-B" panose="02020700000000000000" pitchFamily="17" charset="-128"/>
          </a:endParaRPr>
        </a:p>
        <a:p>
          <a:r>
            <a:rPr kumimoji="1" lang="ja-JP" altLang="en-US" sz="1400" b="0">
              <a:latin typeface="UD デジタル 教科書体 N-B" panose="02020700000000000000" pitchFamily="17" charset="-128"/>
              <a:ea typeface="UD デジタル 教科書体 N-B" panose="02020700000000000000" pitchFamily="17" charset="-128"/>
            </a:rPr>
            <a:t>し得ますのでご注意ください。</a:t>
          </a:r>
          <a:endParaRPr kumimoji="1" lang="en-US" altLang="ja-JP" sz="1400" b="0">
            <a:latin typeface="UD デジタル 教科書体 N-B" panose="02020700000000000000" pitchFamily="17" charset="-128"/>
            <a:ea typeface="UD デジタル 教科書体 N-B" panose="02020700000000000000" pitchFamily="17" charset="-128"/>
          </a:endParaRPr>
        </a:p>
        <a:p>
          <a:r>
            <a:rPr kumimoji="1" lang="ja-JP" altLang="en-US" sz="1200" b="1">
              <a:latin typeface="UD デジタル 教科書体 N-B" panose="02020700000000000000" pitchFamily="17" charset="-128"/>
              <a:ea typeface="UD デジタル 教科書体 N-B" panose="02020700000000000000" pitchFamily="17" charset="-128"/>
            </a:rPr>
            <a:t>　</a:t>
          </a:r>
          <a:r>
            <a:rPr kumimoji="1" lang="ja-JP" altLang="en-US" sz="1400" b="0">
              <a:latin typeface="UD デジタル 教科書体 N-B" panose="02020700000000000000" pitchFamily="17" charset="-128"/>
              <a:ea typeface="UD デジタル 教科書体 N-B" panose="02020700000000000000" pitchFamily="17" charset="-128"/>
            </a:rPr>
            <a:t>また、</a:t>
          </a:r>
          <a:r>
            <a:rPr kumimoji="1" lang="ja-JP" altLang="en-US" sz="1400" b="1">
              <a:latin typeface="UD デジタル 教科書体 N-B" panose="02020700000000000000" pitchFamily="17" charset="-128"/>
              <a:ea typeface="UD デジタル 教科書体 N-B" panose="02020700000000000000" pitchFamily="17" charset="-128"/>
            </a:rPr>
            <a:t>虚偽の申請をした場合は</a:t>
          </a:r>
          <a:r>
            <a:rPr kumimoji="1" lang="ja-JP" altLang="en-US" sz="1400" b="0">
              <a:latin typeface="UD デジタル 教科書体 N-B" panose="02020700000000000000" pitchFamily="17" charset="-128"/>
              <a:ea typeface="UD デジタル 教科書体 N-B" panose="02020700000000000000" pitchFamily="17" charset="-128"/>
            </a:rPr>
            <a:t>、子ども・子育て支援法第</a:t>
          </a:r>
          <a:r>
            <a:rPr kumimoji="1" lang="en-US" altLang="ja-JP" sz="1400" b="0">
              <a:latin typeface="UD デジタル 教科書体 N-B" panose="02020700000000000000" pitchFamily="17" charset="-128"/>
              <a:ea typeface="UD デジタル 教科書体 N-B" panose="02020700000000000000" pitchFamily="17" charset="-128"/>
            </a:rPr>
            <a:t>24</a:t>
          </a:r>
          <a:r>
            <a:rPr kumimoji="1" lang="ja-JP" altLang="en-US" sz="1400" b="0">
              <a:latin typeface="UD デジタル 教科書体 N-B" panose="02020700000000000000" pitchFamily="17" charset="-128"/>
              <a:ea typeface="UD デジタル 教科書体 N-B" panose="02020700000000000000" pitchFamily="17" charset="-128"/>
            </a:rPr>
            <a:t>条第</a:t>
          </a:r>
          <a:r>
            <a:rPr kumimoji="1" lang="en-US" altLang="ja-JP" sz="1400" b="0">
              <a:latin typeface="UD デジタル 教科書体 N-B" panose="02020700000000000000" pitchFamily="17" charset="-128"/>
              <a:ea typeface="UD デジタル 教科書体 N-B" panose="02020700000000000000" pitchFamily="17" charset="-128"/>
            </a:rPr>
            <a:t>3</a:t>
          </a:r>
          <a:r>
            <a:rPr kumimoji="1" lang="ja-JP" altLang="en-US" sz="1400" b="0">
              <a:latin typeface="UD デジタル 教科書体 N-B" panose="02020700000000000000" pitchFamily="17" charset="-128"/>
              <a:ea typeface="UD デジタル 教科書体 N-B" panose="02020700000000000000" pitchFamily="17" charset="-128"/>
            </a:rPr>
            <a:t>項、第</a:t>
          </a:r>
          <a:r>
            <a:rPr kumimoji="1" lang="en-US" altLang="ja-JP" sz="1400" b="0">
              <a:latin typeface="UD デジタル 教科書体 N-B" panose="02020700000000000000" pitchFamily="17" charset="-128"/>
              <a:ea typeface="UD デジタル 教科書体 N-B" panose="02020700000000000000" pitchFamily="17" charset="-128"/>
            </a:rPr>
            <a:t>30</a:t>
          </a:r>
          <a:r>
            <a:rPr kumimoji="1" lang="ja-JP" altLang="en-US" sz="1400" b="0">
              <a:latin typeface="UD デジタル 教科書体 N-B" panose="02020700000000000000" pitchFamily="17" charset="-128"/>
              <a:ea typeface="UD デジタル 教科書体 N-B" panose="02020700000000000000" pitchFamily="17" charset="-128"/>
            </a:rPr>
            <a:t>条の</a:t>
          </a:r>
          <a:r>
            <a:rPr kumimoji="1" lang="en-US" altLang="ja-JP" sz="1400" b="0">
              <a:latin typeface="UD デジタル 教科書体 N-B" panose="02020700000000000000" pitchFamily="17" charset="-128"/>
              <a:ea typeface="UD デジタル 教科書体 N-B" panose="02020700000000000000" pitchFamily="17" charset="-128"/>
            </a:rPr>
            <a:t>9</a:t>
          </a:r>
          <a:r>
            <a:rPr kumimoji="1" lang="ja-JP" altLang="en-US" sz="1400" b="0">
              <a:latin typeface="UD デジタル 教科書体 N-B" panose="02020700000000000000" pitchFamily="17" charset="-128"/>
              <a:ea typeface="UD デジタル 教科書体 N-B" panose="02020700000000000000" pitchFamily="17" charset="-128"/>
            </a:rPr>
            <a:t>第</a:t>
          </a:r>
          <a:r>
            <a:rPr kumimoji="1" lang="en-US" altLang="ja-JP" sz="1400" b="0">
              <a:latin typeface="UD デジタル 教科書体 N-B" panose="02020700000000000000" pitchFamily="17" charset="-128"/>
              <a:ea typeface="UD デジタル 教科書体 N-B" panose="02020700000000000000" pitchFamily="17" charset="-128"/>
            </a:rPr>
            <a:t>3</a:t>
          </a:r>
          <a:r>
            <a:rPr kumimoji="1" lang="ja-JP" altLang="en-US" sz="1400" b="0">
              <a:latin typeface="UD デジタル 教科書体 N-B" panose="02020700000000000000" pitchFamily="17" charset="-128"/>
              <a:ea typeface="UD デジタル 教科書体 N-B" panose="02020700000000000000" pitchFamily="17" charset="-128"/>
            </a:rPr>
            <a:t>項、同法施行令第</a:t>
          </a:r>
          <a:r>
            <a:rPr kumimoji="1" lang="en-US" altLang="ja-JP" sz="1400" b="0">
              <a:latin typeface="UD デジタル 教科書体 N-B" panose="02020700000000000000" pitchFamily="17" charset="-128"/>
              <a:ea typeface="UD デジタル 教科書体 N-B" panose="02020700000000000000" pitchFamily="17" charset="-128"/>
            </a:rPr>
            <a:t>3</a:t>
          </a:r>
          <a:r>
            <a:rPr kumimoji="1" lang="ja-JP" altLang="en-US" sz="1400" b="0">
              <a:latin typeface="UD デジタル 教科書体 N-B" panose="02020700000000000000" pitchFamily="17" charset="-128"/>
              <a:ea typeface="UD デジタル 教科書体 N-B" panose="02020700000000000000" pitchFamily="17" charset="-128"/>
            </a:rPr>
            <a:t>条、第</a:t>
          </a:r>
          <a:r>
            <a:rPr kumimoji="1" lang="en-US" altLang="ja-JP" sz="1400" b="0">
              <a:latin typeface="UD デジタル 教科書体 N-B" panose="02020700000000000000" pitchFamily="17" charset="-128"/>
              <a:ea typeface="UD デジタル 教科書体 N-B" panose="02020700000000000000" pitchFamily="17" charset="-128"/>
            </a:rPr>
            <a:t>15</a:t>
          </a:r>
          <a:r>
            <a:rPr kumimoji="1" lang="ja-JP" altLang="en-US" sz="1400" b="0">
              <a:latin typeface="UD デジタル 教科書体 N-B" panose="02020700000000000000" pitchFamily="17" charset="-128"/>
              <a:ea typeface="UD デジタル 教科書体 N-B" panose="02020700000000000000" pitchFamily="17" charset="-128"/>
            </a:rPr>
            <a:t>条の</a:t>
          </a:r>
          <a:r>
            <a:rPr kumimoji="1" lang="en-US" altLang="ja-JP" sz="1400" b="0">
              <a:latin typeface="UD デジタル 教科書体 N-B" panose="02020700000000000000" pitchFamily="17" charset="-128"/>
              <a:ea typeface="UD デジタル 教科書体 N-B" panose="02020700000000000000" pitchFamily="17" charset="-128"/>
            </a:rPr>
            <a:t>5</a:t>
          </a:r>
          <a:r>
            <a:rPr kumimoji="1" lang="ja-JP" altLang="en-US" sz="1400" b="0">
              <a:latin typeface="UD デジタル 教科書体 N-B" panose="02020700000000000000" pitchFamily="17" charset="-128"/>
              <a:ea typeface="UD デジタル 教科書体 N-B" panose="02020700000000000000" pitchFamily="17" charset="-128"/>
            </a:rPr>
            <a:t>第</a:t>
          </a:r>
          <a:r>
            <a:rPr kumimoji="1" lang="en-US" altLang="ja-JP" sz="1400" b="0">
              <a:latin typeface="UD デジタル 教科書体 N-B" panose="02020700000000000000" pitchFamily="17" charset="-128"/>
              <a:ea typeface="UD デジタル 教科書体 N-B" panose="02020700000000000000" pitchFamily="17" charset="-128"/>
            </a:rPr>
            <a:t>1</a:t>
          </a:r>
          <a:r>
            <a:rPr kumimoji="1" lang="ja-JP" altLang="en-US" sz="1400" b="0">
              <a:latin typeface="UD デジタル 教科書体 N-B" panose="02020700000000000000" pitchFamily="17" charset="-128"/>
              <a:ea typeface="UD デジタル 教科書体 N-B" panose="02020700000000000000" pitchFamily="17" charset="-128"/>
            </a:rPr>
            <a:t>項、第</a:t>
          </a:r>
          <a:r>
            <a:rPr kumimoji="1" lang="en-US" altLang="ja-JP" sz="1400" b="0">
              <a:latin typeface="UD デジタル 教科書体 N-B" panose="02020700000000000000" pitchFamily="17" charset="-128"/>
              <a:ea typeface="UD デジタル 教科書体 N-B" panose="02020700000000000000" pitchFamily="17" charset="-128"/>
            </a:rPr>
            <a:t>2</a:t>
          </a:r>
          <a:r>
            <a:rPr kumimoji="1" lang="ja-JP" altLang="en-US" sz="1400" b="0">
              <a:latin typeface="UD デジタル 教科書体 N-B" panose="02020700000000000000" pitchFamily="17" charset="-128"/>
              <a:ea typeface="UD デジタル 教科書体 N-B" panose="02020700000000000000" pitchFamily="17" charset="-128"/>
            </a:rPr>
            <a:t>項により</a:t>
          </a:r>
          <a:r>
            <a:rPr kumimoji="1" lang="ja-JP" altLang="en-US" sz="1600" b="1">
              <a:latin typeface="UD デジタル 教科書体 N-B" panose="02020700000000000000" pitchFamily="17" charset="-128"/>
              <a:ea typeface="UD デジタル 教科書体 N-B" panose="02020700000000000000" pitchFamily="17" charset="-128"/>
            </a:rPr>
            <a:t>内定・</a:t>
          </a:r>
          <a:endParaRPr kumimoji="1" lang="en-US" altLang="ja-JP" sz="1600" b="1">
            <a:latin typeface="UD デジタル 教科書体 N-B" panose="02020700000000000000" pitchFamily="17" charset="-128"/>
            <a:ea typeface="UD デジタル 教科書体 N-B" panose="02020700000000000000" pitchFamily="17" charset="-128"/>
          </a:endParaRPr>
        </a:p>
        <a:p>
          <a:r>
            <a:rPr kumimoji="1" lang="ja-JP" altLang="en-US" sz="1600" b="1">
              <a:latin typeface="UD デジタル 教科書体 N-B" panose="02020700000000000000" pitchFamily="17" charset="-128"/>
              <a:ea typeface="UD デジタル 教科書体 N-B" panose="02020700000000000000" pitchFamily="17" charset="-128"/>
            </a:rPr>
            <a:t>決定</a:t>
          </a:r>
          <a:r>
            <a:rPr kumimoji="1" lang="ja-JP" altLang="en-US" sz="1400" b="0">
              <a:latin typeface="UD デジタル 教科書体 N-B" panose="02020700000000000000" pitchFamily="17" charset="-128"/>
              <a:ea typeface="UD デジタル 教科書体 N-B" panose="02020700000000000000" pitchFamily="17" charset="-128"/>
            </a:rPr>
            <a:t>しても</a:t>
          </a:r>
          <a:r>
            <a:rPr kumimoji="1" lang="ja-JP" altLang="en-US" sz="1600" b="1">
              <a:latin typeface="UD デジタル 教科書体 N-B" panose="02020700000000000000" pitchFamily="17" charset="-128"/>
              <a:ea typeface="UD デジタル 教科書体 N-B" panose="02020700000000000000" pitchFamily="17" charset="-128"/>
            </a:rPr>
            <a:t>取消</a:t>
          </a:r>
          <a:r>
            <a:rPr kumimoji="1" lang="ja-JP" altLang="en-US" sz="1400" b="0">
              <a:latin typeface="UD デジタル 教科書体 N-B" panose="02020700000000000000" pitchFamily="17" charset="-128"/>
              <a:ea typeface="UD デジタル 教科書体 N-B" panose="02020700000000000000" pitchFamily="17" charset="-128"/>
            </a:rPr>
            <a:t>となります。</a:t>
          </a:r>
          <a:endParaRPr kumimoji="1" lang="en-US" altLang="ja-JP" sz="1400" b="0">
            <a:latin typeface="UD デジタル 教科書体 N-B" panose="02020700000000000000" pitchFamily="17" charset="-128"/>
            <a:ea typeface="UD デジタル 教科書体 N-B" panose="02020700000000000000" pitchFamily="17" charset="-128"/>
          </a:endParaRPr>
        </a:p>
        <a:p>
          <a:endParaRPr kumimoji="1" lang="en-US" altLang="ja-JP" sz="700">
            <a:latin typeface="UD デジタル 教科書体 N-B" panose="02020700000000000000" pitchFamily="17" charset="-128"/>
            <a:ea typeface="UD デジタル 教科書体 N-B" panose="02020700000000000000" pitchFamily="17" charset="-128"/>
          </a:endParaRPr>
        </a:p>
        <a:p>
          <a:pPr lvl="3"/>
          <a:r>
            <a:rPr kumimoji="1" lang="ja-JP" altLang="en-US" sz="1200">
              <a:latin typeface="UD デジタル 教科書体 N-B" panose="02020700000000000000" pitchFamily="17" charset="-128"/>
              <a:ea typeface="UD デジタル 教科書体 N-B" panose="02020700000000000000" pitchFamily="17" charset="-128"/>
            </a:rPr>
            <a:t>（参考）</a:t>
          </a:r>
          <a:r>
            <a:rPr kumimoji="1" lang="ja-JP" altLang="ja-JP" sz="1200">
              <a:solidFill>
                <a:schemeClr val="dk1"/>
              </a:solidFill>
              <a:effectLst/>
              <a:latin typeface="UD デジタル 教科書体 N-B" panose="02020700000000000000" pitchFamily="17" charset="-128"/>
              <a:ea typeface="UD デジタル 教科書体 N-B" panose="02020700000000000000" pitchFamily="17" charset="-128"/>
              <a:cs typeface="+mn-cs"/>
            </a:rPr>
            <a:t>有印私文書偽造罪及び同変造罪</a:t>
          </a:r>
          <a:r>
            <a:rPr kumimoji="1" lang="ja-JP" altLang="ja-JP" sz="1200" b="0">
              <a:solidFill>
                <a:schemeClr val="dk1"/>
              </a:solidFill>
              <a:effectLst/>
              <a:latin typeface="UD デジタル 教科書体 N-B" panose="02020700000000000000" pitchFamily="17" charset="-128"/>
              <a:ea typeface="UD デジタル 教科書体 N-B" panose="02020700000000000000" pitchFamily="17" charset="-128"/>
              <a:cs typeface="+mn-cs"/>
            </a:rPr>
            <a:t>（刑法</a:t>
          </a:r>
          <a:r>
            <a:rPr kumimoji="1" lang="en-US" altLang="ja-JP" sz="1200" b="0">
              <a:solidFill>
                <a:schemeClr val="dk1"/>
              </a:solidFill>
              <a:effectLst/>
              <a:latin typeface="UD デジタル 教科書体 N-B" panose="02020700000000000000" pitchFamily="17" charset="-128"/>
              <a:ea typeface="UD デジタル 教科書体 N-B" panose="02020700000000000000" pitchFamily="17" charset="-128"/>
              <a:cs typeface="+mn-cs"/>
            </a:rPr>
            <a:t>159</a:t>
          </a:r>
          <a:r>
            <a:rPr kumimoji="1" lang="ja-JP" altLang="ja-JP" sz="1200" b="0">
              <a:solidFill>
                <a:schemeClr val="dk1"/>
              </a:solidFill>
              <a:effectLst/>
              <a:latin typeface="UD デジタル 教科書体 N-B" panose="02020700000000000000" pitchFamily="17" charset="-128"/>
              <a:ea typeface="UD デジタル 教科書体 N-B" panose="02020700000000000000" pitchFamily="17" charset="-128"/>
              <a:cs typeface="+mn-cs"/>
            </a:rPr>
            <a:t>条</a:t>
          </a:r>
          <a:r>
            <a:rPr kumimoji="1" lang="en-US" altLang="ja-JP" sz="1200" b="0">
              <a:solidFill>
                <a:schemeClr val="dk1"/>
              </a:solidFill>
              <a:effectLst/>
              <a:latin typeface="UD デジタル 教科書体 N-B" panose="02020700000000000000" pitchFamily="17" charset="-128"/>
              <a:ea typeface="UD デジタル 教科書体 N-B" panose="02020700000000000000" pitchFamily="17" charset="-128"/>
              <a:cs typeface="+mn-cs"/>
            </a:rPr>
            <a:t>1</a:t>
          </a:r>
          <a:r>
            <a:rPr kumimoji="1" lang="ja-JP" altLang="ja-JP" sz="1200" b="0">
              <a:solidFill>
                <a:schemeClr val="dk1"/>
              </a:solidFill>
              <a:effectLst/>
              <a:latin typeface="UD デジタル 教科書体 N-B" panose="02020700000000000000" pitchFamily="17" charset="-128"/>
              <a:ea typeface="UD デジタル 教科書体 N-B" panose="02020700000000000000" pitchFamily="17" charset="-128"/>
              <a:cs typeface="+mn-cs"/>
            </a:rPr>
            <a:t>項、同条</a:t>
          </a:r>
          <a:r>
            <a:rPr kumimoji="1" lang="en-US" altLang="ja-JP" sz="1200" b="0">
              <a:solidFill>
                <a:schemeClr val="dk1"/>
              </a:solidFill>
              <a:effectLst/>
              <a:latin typeface="UD デジタル 教科書体 N-B" panose="02020700000000000000" pitchFamily="17" charset="-128"/>
              <a:ea typeface="UD デジタル 教科書体 N-B" panose="02020700000000000000" pitchFamily="17" charset="-128"/>
              <a:cs typeface="+mn-cs"/>
            </a:rPr>
            <a:t>2</a:t>
          </a:r>
          <a:r>
            <a:rPr kumimoji="1" lang="ja-JP" altLang="ja-JP" sz="1200" b="0">
              <a:solidFill>
                <a:schemeClr val="dk1"/>
              </a:solidFill>
              <a:effectLst/>
              <a:latin typeface="UD デジタル 教科書体 N-B" panose="02020700000000000000" pitchFamily="17" charset="-128"/>
              <a:ea typeface="UD デジタル 教科書体 N-B" panose="02020700000000000000" pitchFamily="17" charset="-128"/>
              <a:cs typeface="+mn-cs"/>
            </a:rPr>
            <a:t>項）</a:t>
          </a:r>
          <a:r>
            <a:rPr kumimoji="1" lang="ja-JP" altLang="en-US" sz="1200">
              <a:solidFill>
                <a:schemeClr val="dk1"/>
              </a:solidFill>
              <a:effectLst/>
              <a:latin typeface="UD デジタル 教科書体 N-B" panose="02020700000000000000" pitchFamily="17" charset="-128"/>
              <a:ea typeface="UD デジタル 教科書体 N-B" panose="02020700000000000000" pitchFamily="17" charset="-128"/>
              <a:cs typeface="+mn-cs"/>
            </a:rPr>
            <a:t>の法定刑　　　</a:t>
          </a:r>
          <a:r>
            <a:rPr kumimoji="1" lang="en-US" altLang="ja-JP" sz="1200">
              <a:solidFill>
                <a:schemeClr val="dk1"/>
              </a:solidFill>
              <a:effectLst/>
              <a:latin typeface="UD デジタル 教科書体 N-B" panose="02020700000000000000" pitchFamily="17" charset="-128"/>
              <a:ea typeface="UD デジタル 教科書体 N-B" panose="02020700000000000000" pitchFamily="17" charset="-128"/>
              <a:cs typeface="+mn-cs"/>
            </a:rPr>
            <a:t>3</a:t>
          </a:r>
          <a:r>
            <a:rPr kumimoji="1" lang="ja-JP" altLang="en-US" sz="1200">
              <a:solidFill>
                <a:schemeClr val="dk1"/>
              </a:solidFill>
              <a:effectLst/>
              <a:latin typeface="UD デジタル 教科書体 N-B" panose="02020700000000000000" pitchFamily="17" charset="-128"/>
              <a:ea typeface="UD デジタル 教科書体 N-B" panose="02020700000000000000" pitchFamily="17" charset="-128"/>
              <a:cs typeface="+mn-cs"/>
            </a:rPr>
            <a:t>カ月以上</a:t>
          </a:r>
          <a:r>
            <a:rPr kumimoji="1" lang="en-US" altLang="ja-JP" sz="1200">
              <a:solidFill>
                <a:schemeClr val="dk1"/>
              </a:solidFill>
              <a:effectLst/>
              <a:latin typeface="UD デジタル 教科書体 N-B" panose="02020700000000000000" pitchFamily="17" charset="-128"/>
              <a:ea typeface="UD デジタル 教科書体 N-B" panose="02020700000000000000" pitchFamily="17" charset="-128"/>
              <a:cs typeface="+mn-cs"/>
            </a:rPr>
            <a:t>5</a:t>
          </a:r>
          <a:r>
            <a:rPr kumimoji="1" lang="ja-JP" altLang="en-US" sz="1200">
              <a:solidFill>
                <a:schemeClr val="dk1"/>
              </a:solidFill>
              <a:effectLst/>
              <a:latin typeface="UD デジタル 教科書体 N-B" panose="02020700000000000000" pitchFamily="17" charset="-128"/>
              <a:ea typeface="UD デジタル 教科書体 N-B" panose="02020700000000000000" pitchFamily="17" charset="-128"/>
              <a:cs typeface="+mn-cs"/>
            </a:rPr>
            <a:t>年以下の懲役</a:t>
          </a:r>
          <a:endParaRPr kumimoji="1" lang="en-US" altLang="ja-JP" sz="1200">
            <a:solidFill>
              <a:schemeClr val="dk1"/>
            </a:solidFill>
            <a:effectLst/>
            <a:latin typeface="UD デジタル 教科書体 N-B" panose="02020700000000000000" pitchFamily="17" charset="-128"/>
            <a:ea typeface="UD デジタル 教科書体 N-B" panose="02020700000000000000" pitchFamily="17" charset="-128"/>
            <a:cs typeface="+mn-cs"/>
          </a:endParaRPr>
        </a:p>
        <a:p>
          <a:pPr lvl="3"/>
          <a:r>
            <a:rPr kumimoji="1" lang="ja-JP" altLang="en-US" sz="1200">
              <a:solidFill>
                <a:schemeClr val="dk1"/>
              </a:solidFill>
              <a:effectLst/>
              <a:latin typeface="UD デジタル 教科書体 N-B" panose="02020700000000000000" pitchFamily="17" charset="-128"/>
              <a:ea typeface="UD デジタル 教科書体 N-B" panose="02020700000000000000" pitchFamily="17" charset="-128"/>
              <a:cs typeface="+mn-cs"/>
            </a:rPr>
            <a:t>　　　　 無印私文書</a:t>
          </a:r>
          <a:r>
            <a:rPr kumimoji="1" lang="ja-JP" altLang="ja-JP" sz="1200">
              <a:solidFill>
                <a:schemeClr val="dk1"/>
              </a:solidFill>
              <a:effectLst/>
              <a:latin typeface="UD デジタル 教科書体 N-B" panose="02020700000000000000" pitchFamily="17" charset="-128"/>
              <a:ea typeface="UD デジタル 教科書体 N-B" panose="02020700000000000000" pitchFamily="17" charset="-128"/>
              <a:cs typeface="+mn-cs"/>
            </a:rPr>
            <a:t>偽造罪及び同変造罪の法定刑</a:t>
          </a:r>
          <a:r>
            <a:rPr kumimoji="1" lang="ja-JP" altLang="en-US" sz="1200">
              <a:solidFill>
                <a:schemeClr val="dk1"/>
              </a:solidFill>
              <a:effectLst/>
              <a:latin typeface="UD デジタル 教科書体 N-B" panose="02020700000000000000" pitchFamily="17" charset="-128"/>
              <a:ea typeface="UD デジタル 教科書体 N-B" panose="02020700000000000000" pitchFamily="17" charset="-128"/>
              <a:cs typeface="+mn-cs"/>
            </a:rPr>
            <a:t>　　　　　　　　　　　　　　　</a:t>
          </a:r>
          <a:r>
            <a:rPr kumimoji="1" lang="en-US" altLang="ja-JP" sz="1200">
              <a:solidFill>
                <a:schemeClr val="dk1"/>
              </a:solidFill>
              <a:effectLst/>
              <a:latin typeface="UD デジタル 教科書体 N-B" panose="02020700000000000000" pitchFamily="17" charset="-128"/>
              <a:ea typeface="UD デジタル 教科書体 N-B" panose="02020700000000000000" pitchFamily="17" charset="-128"/>
              <a:cs typeface="+mn-cs"/>
            </a:rPr>
            <a:t>1</a:t>
          </a:r>
          <a:r>
            <a:rPr kumimoji="1" lang="ja-JP" altLang="en-US" sz="1200">
              <a:solidFill>
                <a:schemeClr val="dk1"/>
              </a:solidFill>
              <a:effectLst/>
              <a:latin typeface="UD デジタル 教科書体 N-B" panose="02020700000000000000" pitchFamily="17" charset="-128"/>
              <a:ea typeface="UD デジタル 教科書体 N-B" panose="02020700000000000000" pitchFamily="17" charset="-128"/>
              <a:cs typeface="+mn-cs"/>
            </a:rPr>
            <a:t>年以下の懲役又は</a:t>
          </a:r>
          <a:r>
            <a:rPr kumimoji="1" lang="en-US" altLang="ja-JP" sz="1200">
              <a:solidFill>
                <a:schemeClr val="dk1"/>
              </a:solidFill>
              <a:effectLst/>
              <a:latin typeface="UD デジタル 教科書体 N-B" panose="02020700000000000000" pitchFamily="17" charset="-128"/>
              <a:ea typeface="UD デジタル 教科書体 N-B" panose="02020700000000000000" pitchFamily="17" charset="-128"/>
              <a:cs typeface="+mn-cs"/>
            </a:rPr>
            <a:t>10</a:t>
          </a:r>
          <a:r>
            <a:rPr kumimoji="1" lang="ja-JP" altLang="en-US" sz="1200">
              <a:solidFill>
                <a:schemeClr val="dk1"/>
              </a:solidFill>
              <a:effectLst/>
              <a:latin typeface="UD デジタル 教科書体 N-B" panose="02020700000000000000" pitchFamily="17" charset="-128"/>
              <a:ea typeface="UD デジタル 教科書体 N-B" panose="02020700000000000000" pitchFamily="17" charset="-128"/>
              <a:cs typeface="+mn-cs"/>
            </a:rPr>
            <a:t>万円以下の罰金</a:t>
          </a:r>
          <a:endParaRPr kumimoji="1" lang="en-US" altLang="ja-JP" sz="1200">
            <a:solidFill>
              <a:schemeClr val="dk1"/>
            </a:solidFill>
            <a:effectLst/>
            <a:latin typeface="UD デジタル 教科書体 N-B" panose="02020700000000000000" pitchFamily="17" charset="-128"/>
            <a:ea typeface="UD デジタル 教科書体 N-B" panose="02020700000000000000" pitchFamily="17" charset="-128"/>
            <a:cs typeface="+mn-cs"/>
          </a:endParaRPr>
        </a:p>
        <a:p>
          <a:pPr lvl="3"/>
          <a:r>
            <a:rPr kumimoji="1" lang="ja-JP" altLang="en-US" sz="1200">
              <a:solidFill>
                <a:schemeClr val="dk1"/>
              </a:solidFill>
              <a:effectLst/>
              <a:latin typeface="UD デジタル 教科書体 N-B" panose="02020700000000000000" pitchFamily="17" charset="-128"/>
              <a:ea typeface="UD デジタル 教科書体 N-B" panose="02020700000000000000" pitchFamily="17" charset="-128"/>
              <a:cs typeface="+mn-cs"/>
            </a:rPr>
            <a:t>　　　　 </a:t>
          </a:r>
          <a:r>
            <a:rPr kumimoji="1" lang="ja-JP" altLang="ja-JP" sz="1200">
              <a:solidFill>
                <a:schemeClr val="dk1"/>
              </a:solidFill>
              <a:effectLst/>
              <a:latin typeface="UD デジタル 教科書体 N-B" panose="02020700000000000000" pitchFamily="17" charset="-128"/>
              <a:ea typeface="UD デジタル 教科書体 N-B" panose="02020700000000000000" pitchFamily="17" charset="-128"/>
              <a:cs typeface="+mn-cs"/>
            </a:rPr>
            <a:t>私電磁的記録不正作出罪</a:t>
          </a:r>
          <a:r>
            <a:rPr kumimoji="1" lang="ja-JP" altLang="ja-JP" sz="1200" b="0">
              <a:solidFill>
                <a:schemeClr val="dk1"/>
              </a:solidFill>
              <a:effectLst/>
              <a:latin typeface="UD デジタル 教科書体 N-B" panose="02020700000000000000" pitchFamily="17" charset="-128"/>
              <a:ea typeface="UD デジタル 教科書体 N-B" panose="02020700000000000000" pitchFamily="17" charset="-128"/>
              <a:cs typeface="+mn-cs"/>
            </a:rPr>
            <a:t>（刑法</a:t>
          </a:r>
          <a:r>
            <a:rPr kumimoji="1" lang="en-US" altLang="ja-JP" sz="1200" b="0">
              <a:solidFill>
                <a:schemeClr val="dk1"/>
              </a:solidFill>
              <a:effectLst/>
              <a:latin typeface="UD デジタル 教科書体 N-B" panose="02020700000000000000" pitchFamily="17" charset="-128"/>
              <a:ea typeface="UD デジタル 教科書体 N-B" panose="02020700000000000000" pitchFamily="17" charset="-128"/>
              <a:cs typeface="+mn-cs"/>
            </a:rPr>
            <a:t>161</a:t>
          </a:r>
          <a:r>
            <a:rPr kumimoji="1" lang="ja-JP" altLang="ja-JP" sz="1200" b="0">
              <a:solidFill>
                <a:schemeClr val="dk1"/>
              </a:solidFill>
              <a:effectLst/>
              <a:latin typeface="UD デジタル 教科書体 N-B" panose="02020700000000000000" pitchFamily="17" charset="-128"/>
              <a:ea typeface="UD デジタル 教科書体 N-B" panose="02020700000000000000" pitchFamily="17" charset="-128"/>
              <a:cs typeface="+mn-cs"/>
            </a:rPr>
            <a:t>条の</a:t>
          </a:r>
          <a:r>
            <a:rPr kumimoji="1" lang="en-US" altLang="ja-JP" sz="1200" b="0">
              <a:solidFill>
                <a:schemeClr val="dk1"/>
              </a:solidFill>
              <a:effectLst/>
              <a:latin typeface="UD デジタル 教科書体 N-B" panose="02020700000000000000" pitchFamily="17" charset="-128"/>
              <a:ea typeface="UD デジタル 教科書体 N-B" panose="02020700000000000000" pitchFamily="17" charset="-128"/>
              <a:cs typeface="+mn-cs"/>
            </a:rPr>
            <a:t>2</a:t>
          </a:r>
          <a:r>
            <a:rPr kumimoji="1" lang="ja-JP" altLang="ja-JP" sz="1200" b="0">
              <a:solidFill>
                <a:schemeClr val="dk1"/>
              </a:solidFill>
              <a:effectLst/>
              <a:latin typeface="UD デジタル 教科書体 N-B" panose="02020700000000000000" pitchFamily="17" charset="-128"/>
              <a:ea typeface="UD デジタル 教科書体 N-B" panose="02020700000000000000" pitchFamily="17" charset="-128"/>
              <a:cs typeface="+mn-cs"/>
            </a:rPr>
            <a:t>第</a:t>
          </a:r>
          <a:r>
            <a:rPr kumimoji="1" lang="en-US" altLang="ja-JP" sz="1200" b="0">
              <a:solidFill>
                <a:schemeClr val="dk1"/>
              </a:solidFill>
              <a:effectLst/>
              <a:latin typeface="UD デジタル 教科書体 N-B" panose="02020700000000000000" pitchFamily="17" charset="-128"/>
              <a:ea typeface="UD デジタル 教科書体 N-B" panose="02020700000000000000" pitchFamily="17" charset="-128"/>
              <a:cs typeface="+mn-cs"/>
            </a:rPr>
            <a:t>2</a:t>
          </a:r>
          <a:r>
            <a:rPr kumimoji="1" lang="ja-JP" altLang="ja-JP" sz="1200" b="0">
              <a:solidFill>
                <a:schemeClr val="dk1"/>
              </a:solidFill>
              <a:effectLst/>
              <a:latin typeface="UD デジタル 教科書体 N-B" panose="02020700000000000000" pitchFamily="17" charset="-128"/>
              <a:ea typeface="UD デジタル 教科書体 N-B" panose="02020700000000000000" pitchFamily="17" charset="-128"/>
              <a:cs typeface="+mn-cs"/>
            </a:rPr>
            <a:t>項）</a:t>
          </a:r>
          <a:r>
            <a:rPr kumimoji="1" lang="ja-JP" altLang="en-US" sz="1200">
              <a:solidFill>
                <a:schemeClr val="dk1"/>
              </a:solidFill>
              <a:effectLst/>
              <a:latin typeface="UD デジタル 教科書体 N-B" panose="02020700000000000000" pitchFamily="17" charset="-128"/>
              <a:ea typeface="UD デジタル 教科書体 N-B" panose="02020700000000000000" pitchFamily="17" charset="-128"/>
              <a:cs typeface="+mn-cs"/>
            </a:rPr>
            <a:t>の法定刑　　　　　　　</a:t>
          </a:r>
          <a:r>
            <a:rPr kumimoji="1" lang="ja-JP" altLang="en-US" sz="1200" baseline="0">
              <a:solidFill>
                <a:schemeClr val="dk1"/>
              </a:solidFill>
              <a:effectLst/>
              <a:latin typeface="UD デジタル 教科書体 N-B" panose="02020700000000000000" pitchFamily="17" charset="-128"/>
              <a:ea typeface="UD デジタル 教科書体 N-B" panose="02020700000000000000" pitchFamily="17" charset="-128"/>
              <a:cs typeface="+mn-cs"/>
            </a:rPr>
            <a:t> </a:t>
          </a:r>
          <a:r>
            <a:rPr kumimoji="1" lang="en-US" altLang="ja-JP" sz="1200">
              <a:solidFill>
                <a:schemeClr val="dk1"/>
              </a:solidFill>
              <a:effectLst/>
              <a:latin typeface="UD デジタル 教科書体 N-B" panose="02020700000000000000" pitchFamily="17" charset="-128"/>
              <a:ea typeface="UD デジタル 教科書体 N-B" panose="02020700000000000000" pitchFamily="17" charset="-128"/>
              <a:cs typeface="+mn-cs"/>
            </a:rPr>
            <a:t>5</a:t>
          </a:r>
          <a:r>
            <a:rPr kumimoji="1" lang="ja-JP" altLang="en-US" sz="1200">
              <a:solidFill>
                <a:schemeClr val="dk1"/>
              </a:solidFill>
              <a:effectLst/>
              <a:latin typeface="UD デジタル 教科書体 N-B" panose="02020700000000000000" pitchFamily="17" charset="-128"/>
              <a:ea typeface="UD デジタル 教科書体 N-B" panose="02020700000000000000" pitchFamily="17" charset="-128"/>
              <a:cs typeface="+mn-cs"/>
            </a:rPr>
            <a:t>年以下の懲役又は</a:t>
          </a:r>
          <a:r>
            <a:rPr kumimoji="1" lang="en-US" altLang="ja-JP" sz="1200">
              <a:solidFill>
                <a:schemeClr val="dk1"/>
              </a:solidFill>
              <a:effectLst/>
              <a:latin typeface="UD デジタル 教科書体 N-B" panose="02020700000000000000" pitchFamily="17" charset="-128"/>
              <a:ea typeface="UD デジタル 教科書体 N-B" panose="02020700000000000000" pitchFamily="17" charset="-128"/>
              <a:cs typeface="+mn-cs"/>
            </a:rPr>
            <a:t>50</a:t>
          </a:r>
          <a:r>
            <a:rPr kumimoji="1" lang="ja-JP" altLang="en-US" sz="1200">
              <a:solidFill>
                <a:schemeClr val="dk1"/>
              </a:solidFill>
              <a:effectLst/>
              <a:latin typeface="UD デジタル 教科書体 N-B" panose="02020700000000000000" pitchFamily="17" charset="-128"/>
              <a:ea typeface="UD デジタル 教科書体 N-B" panose="02020700000000000000" pitchFamily="17" charset="-128"/>
              <a:cs typeface="+mn-cs"/>
            </a:rPr>
            <a:t>万円以下の罰金</a:t>
          </a:r>
          <a:endParaRPr kumimoji="1" lang="ja-JP" altLang="en-US" sz="1200">
            <a:latin typeface="UD デジタル 教科書体 N-B" panose="02020700000000000000" pitchFamily="17" charset="-128"/>
            <a:ea typeface="UD デジタル 教科書体 N-B" panose="02020700000000000000" pitchFamily="17" charset="-128"/>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Users/s23700/Desktop/Book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heet1"/>
      <sheetName val="Sheet2"/>
    </sheetNames>
    <sheetDataSet>
      <sheetData sheetId="0">
        <row r="1">
          <cell r="E1" t="str">
            <v>消費税率</v>
          </cell>
          <cell r="F1">
            <v>0.1</v>
          </cell>
        </row>
        <row r="3">
          <cell r="C3" t="str">
            <v>価格</v>
          </cell>
          <cell r="D3" t="str">
            <v>個数</v>
          </cell>
          <cell r="E3" t="str">
            <v>金額</v>
          </cell>
        </row>
        <row r="4">
          <cell r="C4">
            <v>200</v>
          </cell>
          <cell r="D4">
            <v>3</v>
          </cell>
          <cell r="E4">
            <v>600</v>
          </cell>
        </row>
      </sheetData>
      <sheetData sheetId="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0154A13-3634-4404-8290-556BD15857F1}">
  <sheetPr>
    <tabColor rgb="FFFFFF00"/>
    <pageSetUpPr fitToPage="1"/>
  </sheetPr>
  <dimension ref="B1:AL59"/>
  <sheetViews>
    <sheetView tabSelected="1" topLeftCell="B1" zoomScale="59" workbookViewId="0">
      <selection activeCell="K2" sqref="K2:AK2"/>
    </sheetView>
  </sheetViews>
  <sheetFormatPr defaultRowHeight="18" x14ac:dyDescent="0.55000000000000004"/>
  <cols>
    <col min="1" max="1" width="0" hidden="1" customWidth="1"/>
    <col min="2" max="2" width="4.6640625" customWidth="1"/>
    <col min="3" max="7" width="4.08203125" customWidth="1"/>
    <col min="8" max="8" width="6.4140625" customWidth="1"/>
    <col min="9" max="9" width="4.08203125" customWidth="1"/>
    <col min="10" max="10" width="5" customWidth="1"/>
    <col min="11" max="11" width="4.08203125" customWidth="1"/>
    <col min="12" max="12" width="5.75" customWidth="1"/>
    <col min="13" max="15" width="4.08203125" customWidth="1"/>
    <col min="16" max="16" width="5.4140625" customWidth="1"/>
    <col min="17" max="21" width="4.08203125" customWidth="1"/>
    <col min="22" max="22" width="6.08203125" customWidth="1"/>
    <col min="23" max="25" width="4.08203125" customWidth="1"/>
    <col min="26" max="27" width="4.25" customWidth="1"/>
    <col min="28" max="36" width="4.08203125" customWidth="1"/>
    <col min="37" max="37" width="6.83203125" customWidth="1"/>
    <col min="38" max="38" width="2.75" customWidth="1"/>
  </cols>
  <sheetData>
    <row r="1" spans="2:38" ht="25.5" customHeight="1" x14ac:dyDescent="0.55000000000000004">
      <c r="B1" s="1" t="s">
        <v>0</v>
      </c>
      <c r="C1" s="1"/>
      <c r="D1" s="1"/>
      <c r="E1" s="1"/>
      <c r="F1" s="1"/>
      <c r="G1" s="1"/>
      <c r="H1" s="1"/>
      <c r="I1" s="1"/>
      <c r="J1" s="1"/>
      <c r="K1" s="1"/>
      <c r="L1" s="1"/>
      <c r="M1" s="1"/>
      <c r="N1" s="1"/>
      <c r="O1" s="1"/>
      <c r="P1" s="1"/>
      <c r="Q1" s="1"/>
      <c r="R1" s="1"/>
      <c r="S1" s="1"/>
      <c r="T1" s="1"/>
      <c r="U1" s="1"/>
      <c r="V1" s="1"/>
      <c r="W1" s="1"/>
      <c r="X1" s="1"/>
      <c r="Y1" s="1"/>
      <c r="Z1" s="1"/>
      <c r="AA1" s="1"/>
      <c r="AB1" s="1"/>
      <c r="AC1" s="1"/>
      <c r="AD1" s="1"/>
      <c r="AE1" s="1"/>
      <c r="AF1" s="1"/>
      <c r="AG1" s="1"/>
      <c r="AH1" s="1"/>
      <c r="AI1" s="1"/>
      <c r="AJ1" s="1"/>
      <c r="AK1" s="2"/>
    </row>
    <row r="2" spans="2:38" ht="25.5" customHeight="1" x14ac:dyDescent="0.55000000000000004">
      <c r="B2" s="3" t="s">
        <v>1</v>
      </c>
      <c r="C2" s="3"/>
      <c r="D2" s="3"/>
      <c r="E2" s="3"/>
      <c r="F2" s="3"/>
      <c r="G2" s="3"/>
      <c r="H2" s="3"/>
      <c r="I2" s="3"/>
      <c r="J2" s="4" t="s">
        <v>2</v>
      </c>
      <c r="K2" s="5"/>
      <c r="L2" s="5"/>
      <c r="M2" s="5"/>
      <c r="N2" s="5"/>
      <c r="O2" s="5"/>
      <c r="P2" s="5"/>
      <c r="Q2" s="5"/>
      <c r="R2" s="5"/>
      <c r="S2" s="5"/>
      <c r="T2" s="5"/>
      <c r="U2" s="5"/>
      <c r="V2" s="5"/>
      <c r="W2" s="5"/>
      <c r="X2" s="5"/>
      <c r="Y2" s="5"/>
      <c r="Z2" s="5"/>
      <c r="AA2" s="5"/>
      <c r="AB2" s="5"/>
      <c r="AC2" s="5"/>
      <c r="AD2" s="5"/>
      <c r="AE2" s="5"/>
      <c r="AF2" s="5"/>
      <c r="AG2" s="5"/>
      <c r="AH2" s="5"/>
      <c r="AI2" s="5"/>
      <c r="AJ2" s="5"/>
      <c r="AK2" s="5"/>
    </row>
    <row r="3" spans="2:38" ht="25.5" customHeight="1" x14ac:dyDescent="0.55000000000000004">
      <c r="B3" s="6"/>
      <c r="C3" s="6"/>
      <c r="D3" s="6"/>
      <c r="E3" s="6"/>
      <c r="F3" s="6"/>
      <c r="G3" s="6"/>
      <c r="H3" s="6"/>
      <c r="I3" s="6"/>
      <c r="J3" s="6"/>
      <c r="K3" s="6"/>
      <c r="L3" s="6"/>
      <c r="M3" s="6"/>
      <c r="N3" s="6"/>
      <c r="O3" s="6"/>
      <c r="P3" s="6"/>
      <c r="Q3" s="6"/>
      <c r="R3" s="6"/>
      <c r="S3" s="6"/>
      <c r="T3" s="6"/>
      <c r="U3" s="6"/>
      <c r="V3" s="7" t="s">
        <v>3</v>
      </c>
      <c r="W3" s="7"/>
      <c r="X3" s="7"/>
      <c r="Y3" s="8" t="s">
        <v>4</v>
      </c>
      <c r="Z3" s="9"/>
      <c r="AA3" s="10"/>
      <c r="AB3" s="10"/>
      <c r="AC3" s="11"/>
      <c r="AD3" s="11"/>
      <c r="AE3" s="12" t="s">
        <v>5</v>
      </c>
      <c r="AF3" s="10"/>
      <c r="AG3" s="10"/>
      <c r="AH3" s="12" t="s">
        <v>6</v>
      </c>
      <c r="AI3" s="10"/>
      <c r="AJ3" s="10"/>
      <c r="AK3" s="13" t="s">
        <v>7</v>
      </c>
    </row>
    <row r="4" spans="2:38" ht="25.5" customHeight="1" x14ac:dyDescent="0.55000000000000004">
      <c r="B4" s="6"/>
      <c r="C4" s="6"/>
      <c r="D4" s="6"/>
      <c r="E4" s="6"/>
      <c r="F4" s="6"/>
      <c r="G4" s="6"/>
      <c r="H4" s="6"/>
      <c r="I4" s="6"/>
      <c r="J4" s="6"/>
      <c r="K4" s="6"/>
      <c r="L4" s="6"/>
      <c r="M4" s="6"/>
      <c r="N4" s="6"/>
      <c r="O4" s="6"/>
      <c r="P4" s="6"/>
      <c r="Q4" s="6"/>
      <c r="R4" s="6"/>
      <c r="S4" s="6"/>
      <c r="T4" s="6"/>
      <c r="U4" s="6"/>
      <c r="V4" s="14" t="s">
        <v>8</v>
      </c>
      <c r="W4" s="14"/>
      <c r="X4" s="14"/>
      <c r="Y4" s="14"/>
      <c r="Z4" s="15"/>
      <c r="AA4" s="15"/>
      <c r="AB4" s="15"/>
      <c r="AC4" s="15"/>
      <c r="AD4" s="15"/>
      <c r="AE4" s="15"/>
      <c r="AF4" s="15"/>
      <c r="AG4" s="15"/>
      <c r="AH4" s="15"/>
      <c r="AI4" s="15"/>
      <c r="AJ4" s="15"/>
      <c r="AK4" s="15"/>
    </row>
    <row r="5" spans="2:38" ht="25.5" customHeight="1" x14ac:dyDescent="0.55000000000000004">
      <c r="B5" s="6"/>
      <c r="C5" s="6"/>
      <c r="D5" s="6"/>
      <c r="E5" s="6"/>
      <c r="F5" s="6"/>
      <c r="G5" s="6"/>
      <c r="H5" s="6"/>
      <c r="I5" s="6"/>
      <c r="J5" s="6"/>
      <c r="K5" s="6"/>
      <c r="L5" s="6"/>
      <c r="M5" s="6"/>
      <c r="N5" s="6"/>
      <c r="O5" s="6"/>
      <c r="P5" s="6"/>
      <c r="Q5" s="6"/>
      <c r="R5" s="6"/>
      <c r="S5" s="6"/>
      <c r="T5" s="6"/>
      <c r="U5" s="6"/>
      <c r="V5" s="14" t="s">
        <v>9</v>
      </c>
      <c r="W5" s="14"/>
      <c r="X5" s="14"/>
      <c r="Y5" s="14"/>
      <c r="Z5" s="15"/>
      <c r="AA5" s="15"/>
      <c r="AB5" s="15"/>
      <c r="AC5" s="15"/>
      <c r="AD5" s="15"/>
      <c r="AE5" s="15"/>
      <c r="AF5" s="15"/>
      <c r="AG5" s="15"/>
      <c r="AH5" s="15"/>
      <c r="AI5" s="15"/>
      <c r="AJ5" s="15"/>
      <c r="AK5" s="15"/>
    </row>
    <row r="6" spans="2:38" ht="25.5" customHeight="1" x14ac:dyDescent="0.55000000000000004">
      <c r="B6" s="16"/>
      <c r="C6" s="16"/>
      <c r="D6" s="16"/>
      <c r="E6" s="16"/>
      <c r="F6" s="16"/>
      <c r="G6" s="16"/>
      <c r="H6" s="16"/>
      <c r="I6" s="16"/>
      <c r="J6" s="16"/>
      <c r="K6" s="16"/>
      <c r="L6" s="16"/>
      <c r="M6" s="16"/>
      <c r="N6" s="16"/>
      <c r="O6" s="16"/>
      <c r="P6" s="17"/>
      <c r="Q6" s="17"/>
      <c r="R6" s="17"/>
      <c r="S6" s="17"/>
      <c r="T6" s="17"/>
      <c r="U6" s="17"/>
      <c r="V6" s="14" t="s">
        <v>10</v>
      </c>
      <c r="W6" s="14"/>
      <c r="X6" s="14"/>
      <c r="Y6" s="14"/>
      <c r="Z6" s="15"/>
      <c r="AA6" s="15"/>
      <c r="AB6" s="15"/>
      <c r="AC6" s="15"/>
      <c r="AD6" s="15"/>
      <c r="AE6" s="15"/>
      <c r="AF6" s="15"/>
      <c r="AG6" s="15"/>
      <c r="AH6" s="15"/>
      <c r="AI6" s="15"/>
      <c r="AJ6" s="15"/>
      <c r="AK6" s="15"/>
    </row>
    <row r="7" spans="2:38" ht="25.5" customHeight="1" x14ac:dyDescent="0.55000000000000004">
      <c r="B7" s="18"/>
      <c r="C7" s="18"/>
      <c r="D7" s="18"/>
      <c r="E7" s="19"/>
      <c r="F7" s="19"/>
      <c r="G7" s="20"/>
      <c r="H7" s="20"/>
      <c r="I7" s="21"/>
      <c r="J7" s="20"/>
      <c r="K7" s="20"/>
      <c r="L7" s="21"/>
      <c r="M7" s="20"/>
      <c r="N7" s="20"/>
      <c r="O7" s="21"/>
      <c r="P7" s="17"/>
      <c r="Q7" s="17"/>
      <c r="R7" s="17"/>
      <c r="S7" s="17"/>
      <c r="T7" s="17"/>
      <c r="U7" s="17"/>
      <c r="V7" s="14" t="s">
        <v>11</v>
      </c>
      <c r="W7" s="14"/>
      <c r="X7" s="14"/>
      <c r="Y7" s="22"/>
      <c r="Z7" s="23"/>
      <c r="AA7" s="23"/>
      <c r="AB7" s="24"/>
      <c r="AC7" s="25" t="s">
        <v>12</v>
      </c>
      <c r="AD7" s="26"/>
      <c r="AE7" s="27"/>
      <c r="AF7" s="27"/>
      <c r="AG7" s="27"/>
      <c r="AH7" s="25" t="s">
        <v>12</v>
      </c>
      <c r="AI7" s="23"/>
      <c r="AJ7" s="23"/>
      <c r="AK7" s="23"/>
    </row>
    <row r="8" spans="2:38" ht="25.5" customHeight="1" x14ac:dyDescent="0.55000000000000004">
      <c r="B8" s="28"/>
      <c r="C8" s="28"/>
      <c r="D8" s="28"/>
      <c r="E8" s="28"/>
      <c r="F8" s="28"/>
      <c r="G8" s="28"/>
      <c r="H8" s="28"/>
      <c r="I8" s="28"/>
      <c r="J8" s="28"/>
      <c r="K8" s="28"/>
      <c r="L8" s="28"/>
      <c r="M8" s="28"/>
      <c r="N8" s="28"/>
      <c r="O8" s="28"/>
      <c r="P8" s="17"/>
      <c r="Q8" s="17"/>
      <c r="R8" s="17"/>
      <c r="S8" s="17"/>
      <c r="T8" s="17"/>
      <c r="U8" s="17"/>
      <c r="V8" s="29" t="s">
        <v>13</v>
      </c>
      <c r="W8" s="29"/>
      <c r="X8" s="29"/>
      <c r="Y8" s="29"/>
      <c r="Z8" s="30"/>
      <c r="AA8" s="30"/>
      <c r="AB8" s="30"/>
      <c r="AC8" s="30"/>
      <c r="AD8" s="30"/>
      <c r="AE8" s="30"/>
      <c r="AF8" s="30"/>
      <c r="AG8" s="30"/>
      <c r="AH8" s="30"/>
      <c r="AI8" s="30"/>
      <c r="AJ8" s="30"/>
      <c r="AK8" s="30"/>
    </row>
    <row r="9" spans="2:38" ht="25.5" customHeight="1" x14ac:dyDescent="0.55000000000000004">
      <c r="B9" s="18"/>
      <c r="C9" s="18"/>
      <c r="D9" s="18"/>
      <c r="E9" s="18"/>
      <c r="F9" s="31"/>
      <c r="G9" s="31"/>
      <c r="H9" s="32"/>
      <c r="I9" s="31"/>
      <c r="J9" s="31"/>
      <c r="K9" s="31"/>
      <c r="L9" s="32"/>
      <c r="M9" s="31"/>
      <c r="N9" s="31"/>
      <c r="O9" s="31"/>
      <c r="P9" s="17"/>
      <c r="Q9" s="17"/>
      <c r="R9" s="17"/>
      <c r="S9" s="17"/>
      <c r="T9" s="17"/>
      <c r="U9" s="17"/>
      <c r="V9" s="14" t="s">
        <v>14</v>
      </c>
      <c r="W9" s="14"/>
      <c r="X9" s="14"/>
      <c r="Y9" s="14"/>
      <c r="Z9" s="23"/>
      <c r="AA9" s="23"/>
      <c r="AB9" s="24"/>
      <c r="AC9" s="25" t="s">
        <v>12</v>
      </c>
      <c r="AD9" s="26"/>
      <c r="AE9" s="24"/>
      <c r="AF9" s="24"/>
      <c r="AG9" s="24"/>
      <c r="AH9" s="25" t="s">
        <v>12</v>
      </c>
      <c r="AI9" s="23"/>
      <c r="AJ9" s="23"/>
      <c r="AK9" s="23"/>
    </row>
    <row r="10" spans="2:38" ht="25.5" customHeight="1" x14ac:dyDescent="0.55000000000000004">
      <c r="B10" s="33" t="s">
        <v>15</v>
      </c>
      <c r="C10" s="34"/>
      <c r="D10" s="34"/>
      <c r="E10" s="34"/>
      <c r="F10" s="34"/>
      <c r="G10" s="34"/>
      <c r="H10" s="34"/>
      <c r="I10" s="34"/>
      <c r="J10" s="34"/>
      <c r="K10" s="34"/>
      <c r="L10" s="34"/>
      <c r="M10" s="34"/>
      <c r="N10" s="34"/>
      <c r="O10" s="34"/>
      <c r="P10" s="17"/>
      <c r="Q10" s="17"/>
      <c r="R10" s="17"/>
      <c r="S10" s="17"/>
      <c r="T10" s="17"/>
      <c r="U10" s="17"/>
      <c r="V10" s="35"/>
      <c r="W10" s="35"/>
      <c r="X10" s="35"/>
      <c r="Y10" s="35"/>
      <c r="Z10" s="35"/>
      <c r="AA10" s="35"/>
      <c r="AB10" s="35"/>
      <c r="AC10" s="35"/>
      <c r="AD10" s="35"/>
      <c r="AE10" s="35"/>
      <c r="AF10" s="35"/>
      <c r="AG10" s="35"/>
      <c r="AH10" s="35"/>
      <c r="AI10" s="35"/>
      <c r="AJ10" s="35"/>
      <c r="AK10" s="35"/>
    </row>
    <row r="11" spans="2:38" ht="25.5" customHeight="1" x14ac:dyDescent="0.55000000000000004">
      <c r="B11" s="36" t="s">
        <v>16</v>
      </c>
      <c r="C11" s="34"/>
      <c r="D11" s="34"/>
      <c r="E11" s="34"/>
      <c r="F11" s="34"/>
      <c r="G11" s="34"/>
      <c r="H11" s="34"/>
      <c r="I11" s="34"/>
      <c r="J11" s="34"/>
      <c r="K11" s="34"/>
      <c r="L11" s="34"/>
      <c r="M11" s="34"/>
      <c r="N11" s="34"/>
      <c r="O11" s="34"/>
      <c r="P11" s="34"/>
      <c r="Q11" s="34"/>
      <c r="R11" s="34"/>
      <c r="S11" s="34"/>
      <c r="T11" s="34"/>
      <c r="U11" s="34"/>
      <c r="V11" s="34"/>
      <c r="W11" s="34"/>
      <c r="X11" s="34"/>
      <c r="Y11" s="34"/>
      <c r="Z11" s="34"/>
      <c r="AA11" s="34"/>
      <c r="AB11" s="34"/>
      <c r="AC11" s="34"/>
      <c r="AD11" s="34"/>
      <c r="AE11" s="34"/>
      <c r="AF11" s="34"/>
      <c r="AG11" s="34"/>
      <c r="AH11" s="34"/>
      <c r="AI11" s="34"/>
      <c r="AJ11" s="34"/>
      <c r="AK11" s="34"/>
    </row>
    <row r="12" spans="2:38" ht="25.5" customHeight="1" thickBot="1" x14ac:dyDescent="0.6">
      <c r="B12" s="33"/>
      <c r="C12" s="34"/>
      <c r="D12" s="34"/>
      <c r="E12" s="34"/>
      <c r="F12" s="34"/>
      <c r="G12" s="34"/>
      <c r="H12" s="34"/>
      <c r="I12" s="34"/>
      <c r="J12" s="34"/>
      <c r="K12" s="34"/>
      <c r="L12" s="34"/>
      <c r="M12" s="34"/>
      <c r="N12" s="34"/>
      <c r="O12" s="34"/>
      <c r="P12" s="34"/>
      <c r="Q12" s="34"/>
      <c r="R12" s="34"/>
      <c r="S12" s="34"/>
      <c r="T12" s="34"/>
      <c r="U12" s="34"/>
      <c r="V12" s="34"/>
      <c r="W12" s="34"/>
      <c r="X12" s="34"/>
      <c r="Y12" s="34"/>
      <c r="Z12" s="34"/>
      <c r="AA12" s="34"/>
      <c r="AB12" s="34"/>
      <c r="AC12" s="34"/>
      <c r="AD12" s="34"/>
      <c r="AE12" s="34"/>
      <c r="AF12" s="34"/>
      <c r="AG12" s="34"/>
      <c r="AH12" s="34"/>
      <c r="AI12" s="34"/>
      <c r="AJ12" s="34"/>
      <c r="AK12" s="34"/>
    </row>
    <row r="13" spans="2:38" ht="25.5" customHeight="1" thickBot="1" x14ac:dyDescent="0.6">
      <c r="B13" s="37" t="s">
        <v>17</v>
      </c>
      <c r="C13" s="38" t="s">
        <v>18</v>
      </c>
      <c r="D13" s="39"/>
      <c r="E13" s="39"/>
      <c r="F13" s="39"/>
      <c r="G13" s="39"/>
      <c r="H13" s="40"/>
      <c r="I13" s="38" t="s">
        <v>19</v>
      </c>
      <c r="J13" s="39"/>
      <c r="K13" s="39"/>
      <c r="L13" s="39"/>
      <c r="M13" s="39"/>
      <c r="N13" s="39"/>
      <c r="O13" s="39"/>
      <c r="P13" s="39"/>
      <c r="Q13" s="39"/>
      <c r="R13" s="39"/>
      <c r="S13" s="39"/>
      <c r="T13" s="39"/>
      <c r="U13" s="39"/>
      <c r="V13" s="39"/>
      <c r="W13" s="39"/>
      <c r="X13" s="39"/>
      <c r="Y13" s="39"/>
      <c r="Z13" s="39"/>
      <c r="AA13" s="39"/>
      <c r="AB13" s="39"/>
      <c r="AC13" s="39"/>
      <c r="AD13" s="39"/>
      <c r="AE13" s="39"/>
      <c r="AF13" s="39"/>
      <c r="AG13" s="39"/>
      <c r="AH13" s="39"/>
      <c r="AI13" s="39"/>
      <c r="AJ13" s="41"/>
      <c r="AK13" s="41"/>
      <c r="AL13" s="42"/>
    </row>
    <row r="14" spans="2:38" ht="25.5" customHeight="1" x14ac:dyDescent="0.55000000000000004">
      <c r="B14" s="43">
        <v>1</v>
      </c>
      <c r="C14" s="44" t="s">
        <v>20</v>
      </c>
      <c r="D14" s="44"/>
      <c r="E14" s="44"/>
      <c r="F14" s="44"/>
      <c r="G14" s="44"/>
      <c r="H14" s="44"/>
      <c r="I14" s="45" t="s">
        <v>21</v>
      </c>
      <c r="J14" s="46" t="s">
        <v>22</v>
      </c>
      <c r="K14" s="46"/>
      <c r="L14" s="46"/>
      <c r="M14" s="47" t="s">
        <v>21</v>
      </c>
      <c r="N14" s="46" t="s">
        <v>23</v>
      </c>
      <c r="O14" s="46"/>
      <c r="P14" s="46"/>
      <c r="Q14" s="47" t="s">
        <v>21</v>
      </c>
      <c r="R14" s="46" t="s">
        <v>24</v>
      </c>
      <c r="S14" s="46"/>
      <c r="T14" s="46"/>
      <c r="U14" s="46"/>
      <c r="V14" s="46"/>
      <c r="W14" s="47" t="s">
        <v>21</v>
      </c>
      <c r="X14" s="46" t="s">
        <v>25</v>
      </c>
      <c r="Y14" s="46"/>
      <c r="Z14" s="47" t="s">
        <v>21</v>
      </c>
      <c r="AA14" s="46" t="s">
        <v>26</v>
      </c>
      <c r="AB14" s="46"/>
      <c r="AC14" s="46"/>
      <c r="AD14" s="46"/>
      <c r="AE14" s="47" t="s">
        <v>21</v>
      </c>
      <c r="AF14" s="46" t="s">
        <v>27</v>
      </c>
      <c r="AG14" s="46"/>
      <c r="AH14" s="46"/>
      <c r="AI14" s="46"/>
      <c r="AJ14" s="46"/>
      <c r="AK14" s="46"/>
      <c r="AL14" s="42"/>
    </row>
    <row r="15" spans="2:38" ht="25.5" customHeight="1" x14ac:dyDescent="0.55000000000000004">
      <c r="B15" s="48"/>
      <c r="C15" s="49"/>
      <c r="D15" s="49"/>
      <c r="E15" s="49"/>
      <c r="F15" s="49"/>
      <c r="G15" s="49"/>
      <c r="H15" s="49"/>
      <c r="I15" s="50" t="s">
        <v>21</v>
      </c>
      <c r="J15" s="51" t="s">
        <v>28</v>
      </c>
      <c r="K15" s="51"/>
      <c r="L15" s="51"/>
      <c r="M15" s="52" t="s">
        <v>21</v>
      </c>
      <c r="N15" s="51" t="s">
        <v>29</v>
      </c>
      <c r="O15" s="51"/>
      <c r="P15" s="51"/>
      <c r="Q15" s="52" t="s">
        <v>21</v>
      </c>
      <c r="R15" s="51" t="s">
        <v>30</v>
      </c>
      <c r="S15" s="51"/>
      <c r="T15" s="51"/>
      <c r="U15" s="51"/>
      <c r="V15" s="51"/>
      <c r="W15" s="52" t="s">
        <v>21</v>
      </c>
      <c r="X15" s="51" t="s">
        <v>31</v>
      </c>
      <c r="Y15" s="51"/>
      <c r="Z15" s="51"/>
      <c r="AA15" s="51"/>
      <c r="AB15" s="51"/>
      <c r="AC15" s="51"/>
      <c r="AD15" s="51"/>
      <c r="AE15" s="52" t="s">
        <v>21</v>
      </c>
      <c r="AF15" s="51" t="s">
        <v>32</v>
      </c>
      <c r="AG15" s="51"/>
      <c r="AH15" s="51"/>
      <c r="AI15" s="51"/>
      <c r="AJ15" s="51"/>
      <c r="AK15" s="51"/>
      <c r="AL15" s="42"/>
    </row>
    <row r="16" spans="2:38" ht="25.5" customHeight="1" x14ac:dyDescent="0.55000000000000004">
      <c r="B16" s="48"/>
      <c r="C16" s="49"/>
      <c r="D16" s="49"/>
      <c r="E16" s="49"/>
      <c r="F16" s="49"/>
      <c r="G16" s="49"/>
      <c r="H16" s="49"/>
      <c r="I16" s="50" t="s">
        <v>21</v>
      </c>
      <c r="J16" s="51" t="s">
        <v>33</v>
      </c>
      <c r="K16" s="51"/>
      <c r="L16" s="51"/>
      <c r="M16" s="51"/>
      <c r="N16" s="51"/>
      <c r="O16" s="51"/>
      <c r="P16" s="51"/>
      <c r="Q16" s="52" t="s">
        <v>21</v>
      </c>
      <c r="R16" s="51" t="s">
        <v>34</v>
      </c>
      <c r="S16" s="51"/>
      <c r="T16" s="51"/>
      <c r="U16" s="51"/>
      <c r="V16" s="51"/>
      <c r="W16" s="52" t="s">
        <v>21</v>
      </c>
      <c r="X16" s="51" t="s">
        <v>35</v>
      </c>
      <c r="Y16" s="51"/>
      <c r="Z16" s="51"/>
      <c r="AA16" s="51"/>
      <c r="AB16" s="51"/>
      <c r="AC16" s="51"/>
      <c r="AD16" s="51"/>
      <c r="AE16" s="51"/>
      <c r="AF16" s="52" t="s">
        <v>21</v>
      </c>
      <c r="AG16" s="51" t="s">
        <v>36</v>
      </c>
      <c r="AH16" s="51"/>
      <c r="AI16" s="51"/>
      <c r="AJ16" s="51"/>
      <c r="AK16" s="51"/>
      <c r="AL16" s="42"/>
    </row>
    <row r="17" spans="2:38" ht="25.5" customHeight="1" thickBot="1" x14ac:dyDescent="0.6">
      <c r="B17" s="53"/>
      <c r="C17" s="54"/>
      <c r="D17" s="54"/>
      <c r="E17" s="54"/>
      <c r="F17" s="54"/>
      <c r="G17" s="54"/>
      <c r="H17" s="54"/>
      <c r="I17" s="55" t="s">
        <v>21</v>
      </c>
      <c r="J17" s="56" t="s">
        <v>37</v>
      </c>
      <c r="K17" s="56"/>
      <c r="L17" s="56"/>
      <c r="M17" s="56"/>
      <c r="N17" s="57" t="s">
        <v>21</v>
      </c>
      <c r="O17" s="56" t="s">
        <v>38</v>
      </c>
      <c r="P17" s="56"/>
      <c r="Q17" s="56"/>
      <c r="R17" s="56"/>
      <c r="S17" s="57" t="s">
        <v>21</v>
      </c>
      <c r="T17" s="56" t="s">
        <v>39</v>
      </c>
      <c r="U17" s="56"/>
      <c r="V17" s="56"/>
      <c r="W17" s="57" t="s">
        <v>21</v>
      </c>
      <c r="X17" s="56" t="s">
        <v>40</v>
      </c>
      <c r="Y17" s="58"/>
      <c r="Z17" s="59"/>
      <c r="AA17" s="59"/>
      <c r="AB17" s="59"/>
      <c r="AC17" s="59"/>
      <c r="AD17" s="59"/>
      <c r="AE17" s="59"/>
      <c r="AF17" s="59"/>
      <c r="AG17" s="59"/>
      <c r="AH17" s="59"/>
      <c r="AI17" s="56" t="s">
        <v>41</v>
      </c>
      <c r="AJ17" s="58"/>
      <c r="AK17" s="56"/>
      <c r="AL17" s="42"/>
    </row>
    <row r="18" spans="2:38" ht="25.5" customHeight="1" x14ac:dyDescent="0.55000000000000004">
      <c r="B18" s="43">
        <v>2</v>
      </c>
      <c r="C18" s="60" t="s">
        <v>42</v>
      </c>
      <c r="D18" s="61"/>
      <c r="E18" s="61"/>
      <c r="F18" s="61"/>
      <c r="G18" s="61"/>
      <c r="H18" s="62"/>
      <c r="I18" s="63"/>
      <c r="J18" s="64"/>
      <c r="K18" s="64"/>
      <c r="L18" s="64"/>
      <c r="M18" s="64"/>
      <c r="N18" s="64"/>
      <c r="O18" s="64"/>
      <c r="P18" s="64"/>
      <c r="Q18" s="64"/>
      <c r="R18" s="64"/>
      <c r="S18" s="64"/>
      <c r="T18" s="64"/>
      <c r="U18" s="64"/>
      <c r="V18" s="64"/>
      <c r="W18" s="64"/>
      <c r="X18" s="64"/>
      <c r="Y18" s="64"/>
      <c r="Z18" s="65"/>
      <c r="AA18" s="66"/>
      <c r="AB18" s="67"/>
      <c r="AC18" s="67"/>
      <c r="AD18" s="68"/>
      <c r="AE18" s="68"/>
      <c r="AF18" s="68"/>
      <c r="AG18" s="68"/>
      <c r="AH18" s="67"/>
      <c r="AI18" s="67"/>
      <c r="AJ18" s="67"/>
      <c r="AK18" s="67"/>
      <c r="AL18" s="42"/>
    </row>
    <row r="19" spans="2:38" ht="33.75" customHeight="1" thickBot="1" x14ac:dyDescent="0.6">
      <c r="B19" s="53"/>
      <c r="C19" s="69" t="s">
        <v>43</v>
      </c>
      <c r="D19" s="70"/>
      <c r="E19" s="70"/>
      <c r="F19" s="70"/>
      <c r="G19" s="70"/>
      <c r="H19" s="71"/>
      <c r="I19" s="72"/>
      <c r="J19" s="73"/>
      <c r="K19" s="73"/>
      <c r="L19" s="73"/>
      <c r="M19" s="73"/>
      <c r="N19" s="73"/>
      <c r="O19" s="73"/>
      <c r="P19" s="73"/>
      <c r="Q19" s="73"/>
      <c r="R19" s="73"/>
      <c r="S19" s="73"/>
      <c r="T19" s="73"/>
      <c r="U19" s="73"/>
      <c r="V19" s="73"/>
      <c r="W19" s="73"/>
      <c r="X19" s="73"/>
      <c r="Y19" s="73"/>
      <c r="Z19" s="73"/>
      <c r="AA19" s="74" t="s">
        <v>44</v>
      </c>
      <c r="AB19" s="75"/>
      <c r="AC19" s="76"/>
      <c r="AD19" s="77"/>
      <c r="AE19" s="78"/>
      <c r="AF19" s="78"/>
      <c r="AG19" s="79" t="s">
        <v>45</v>
      </c>
      <c r="AH19" s="80"/>
      <c r="AI19" s="81" t="s">
        <v>6</v>
      </c>
      <c r="AJ19" s="80"/>
      <c r="AK19" s="81" t="s">
        <v>46</v>
      </c>
      <c r="AL19" s="42"/>
    </row>
    <row r="20" spans="2:38" ht="33.75" customHeight="1" thickBot="1" x14ac:dyDescent="0.6">
      <c r="B20" s="82">
        <v>3</v>
      </c>
      <c r="C20" s="83" t="s">
        <v>47</v>
      </c>
      <c r="D20" s="84"/>
      <c r="E20" s="84"/>
      <c r="F20" s="84"/>
      <c r="G20" s="84"/>
      <c r="H20" s="85"/>
      <c r="I20" s="50" t="s">
        <v>21</v>
      </c>
      <c r="J20" s="86" t="s">
        <v>48</v>
      </c>
      <c r="K20" s="52" t="s">
        <v>21</v>
      </c>
      <c r="L20" s="87" t="s">
        <v>49</v>
      </c>
      <c r="M20" s="88" t="s">
        <v>50</v>
      </c>
      <c r="N20" s="89"/>
      <c r="O20" s="89"/>
      <c r="P20" s="89"/>
      <c r="Q20" s="89"/>
      <c r="R20" s="89"/>
      <c r="S20" s="90"/>
      <c r="T20" s="91"/>
      <c r="U20" s="92"/>
      <c r="V20" s="93" t="s">
        <v>5</v>
      </c>
      <c r="W20" s="94"/>
      <c r="X20" s="93" t="s">
        <v>6</v>
      </c>
      <c r="Y20" s="94"/>
      <c r="Z20" s="93" t="s">
        <v>7</v>
      </c>
      <c r="AA20" s="93" t="s">
        <v>51</v>
      </c>
      <c r="AB20" s="95"/>
      <c r="AC20" s="96"/>
      <c r="AD20" s="93" t="s">
        <v>5</v>
      </c>
      <c r="AE20" s="94"/>
      <c r="AF20" s="93" t="s">
        <v>6</v>
      </c>
      <c r="AG20" s="94"/>
      <c r="AH20" s="93" t="s">
        <v>7</v>
      </c>
      <c r="AI20" s="97"/>
      <c r="AJ20" s="98"/>
      <c r="AL20" s="42"/>
    </row>
    <row r="21" spans="2:38" ht="25.5" customHeight="1" thickBot="1" x14ac:dyDescent="0.6">
      <c r="B21" s="43">
        <v>4</v>
      </c>
      <c r="C21" s="99" t="s">
        <v>52</v>
      </c>
      <c r="D21" s="61"/>
      <c r="E21" s="61"/>
      <c r="F21" s="61"/>
      <c r="G21" s="61"/>
      <c r="H21" s="62"/>
      <c r="I21" s="100" t="s">
        <v>53</v>
      </c>
      <c r="J21" s="101"/>
      <c r="K21" s="101"/>
      <c r="L21" s="102"/>
      <c r="M21" s="103"/>
      <c r="N21" s="104"/>
      <c r="O21" s="104"/>
      <c r="P21" s="104"/>
      <c r="Q21" s="104"/>
      <c r="R21" s="104"/>
      <c r="S21" s="104"/>
      <c r="T21" s="104"/>
      <c r="U21" s="104"/>
      <c r="V21" s="104"/>
      <c r="W21" s="104"/>
      <c r="X21" s="104"/>
      <c r="Y21" s="104"/>
      <c r="Z21" s="104"/>
      <c r="AA21" s="104"/>
      <c r="AB21" s="104"/>
      <c r="AC21" s="104"/>
      <c r="AD21" s="104"/>
      <c r="AE21" s="104"/>
      <c r="AF21" s="104"/>
      <c r="AG21" s="104"/>
      <c r="AH21" s="104"/>
      <c r="AI21" s="104"/>
      <c r="AJ21" s="104"/>
      <c r="AK21" s="104"/>
      <c r="AL21" s="42"/>
    </row>
    <row r="22" spans="2:38" ht="25.5" customHeight="1" thickBot="1" x14ac:dyDescent="0.6">
      <c r="B22" s="105"/>
      <c r="C22" s="106"/>
      <c r="D22" s="107"/>
      <c r="E22" s="107"/>
      <c r="F22" s="107"/>
      <c r="G22" s="107"/>
      <c r="H22" s="108"/>
      <c r="I22" s="100" t="s">
        <v>54</v>
      </c>
      <c r="J22" s="101"/>
      <c r="K22" s="101"/>
      <c r="L22" s="102"/>
      <c r="M22" s="109"/>
      <c r="N22" s="110"/>
      <c r="O22" s="110"/>
      <c r="P22" s="110"/>
      <c r="Q22" s="110"/>
      <c r="R22" s="110"/>
      <c r="S22" s="110"/>
      <c r="T22" s="110"/>
      <c r="U22" s="110"/>
      <c r="V22" s="110"/>
      <c r="W22" s="110"/>
      <c r="X22" s="110"/>
      <c r="Y22" s="110"/>
      <c r="Z22" s="110"/>
      <c r="AA22" s="110"/>
      <c r="AB22" s="110"/>
      <c r="AC22" s="110"/>
      <c r="AD22" s="110"/>
      <c r="AE22" s="110"/>
      <c r="AF22" s="110"/>
      <c r="AG22" s="110"/>
      <c r="AH22" s="110"/>
      <c r="AI22" s="110"/>
      <c r="AJ22" s="110"/>
      <c r="AK22" s="111"/>
      <c r="AL22" s="42"/>
    </row>
    <row r="23" spans="2:38" ht="25.5" customHeight="1" x14ac:dyDescent="0.55000000000000004">
      <c r="B23" s="43">
        <v>5</v>
      </c>
      <c r="C23" s="99" t="s">
        <v>55</v>
      </c>
      <c r="D23" s="61"/>
      <c r="E23" s="61"/>
      <c r="F23" s="61"/>
      <c r="G23" s="61"/>
      <c r="H23" s="62"/>
      <c r="I23" s="45" t="s">
        <v>21</v>
      </c>
      <c r="J23" s="112" t="s">
        <v>56</v>
      </c>
      <c r="K23" s="112"/>
      <c r="L23" s="47" t="s">
        <v>21</v>
      </c>
      <c r="M23" s="113" t="s">
        <v>57</v>
      </c>
      <c r="N23" s="113"/>
      <c r="O23" s="113"/>
      <c r="P23" s="113"/>
      <c r="Q23" s="52" t="s">
        <v>21</v>
      </c>
      <c r="R23" s="113" t="s">
        <v>58</v>
      </c>
      <c r="S23" s="113"/>
      <c r="T23" s="52" t="s">
        <v>21</v>
      </c>
      <c r="U23" s="113" t="s">
        <v>59</v>
      </c>
      <c r="V23" s="113"/>
      <c r="W23" s="52" t="s">
        <v>21</v>
      </c>
      <c r="X23" s="113" t="s">
        <v>60</v>
      </c>
      <c r="Y23" s="113"/>
      <c r="Z23" s="113"/>
      <c r="AA23" s="113"/>
      <c r="AB23" s="52" t="s">
        <v>21</v>
      </c>
      <c r="AC23" s="113" t="s">
        <v>61</v>
      </c>
      <c r="AD23" s="113"/>
      <c r="AE23" s="113"/>
      <c r="AF23" s="113"/>
      <c r="AG23" s="52" t="s">
        <v>21</v>
      </c>
      <c r="AH23" s="113" t="s">
        <v>62</v>
      </c>
      <c r="AI23" s="113"/>
      <c r="AK23" s="114"/>
    </row>
    <row r="24" spans="2:38" ht="25.5" customHeight="1" thickBot="1" x14ac:dyDescent="0.6">
      <c r="B24" s="53"/>
      <c r="C24" s="115"/>
      <c r="D24" s="116"/>
      <c r="E24" s="116"/>
      <c r="F24" s="116"/>
      <c r="G24" s="116"/>
      <c r="H24" s="117"/>
      <c r="I24" s="50" t="s">
        <v>21</v>
      </c>
      <c r="J24" s="118" t="s">
        <v>63</v>
      </c>
      <c r="K24" s="118"/>
      <c r="L24" s="52" t="s">
        <v>21</v>
      </c>
      <c r="M24" s="119" t="s">
        <v>64</v>
      </c>
      <c r="N24" s="119"/>
      <c r="O24" s="119"/>
      <c r="P24" s="119"/>
      <c r="Q24" s="52" t="s">
        <v>21</v>
      </c>
      <c r="R24" s="119" t="s">
        <v>65</v>
      </c>
      <c r="S24" s="119"/>
      <c r="T24" s="120"/>
      <c r="U24" s="52" t="s">
        <v>21</v>
      </c>
      <c r="V24" s="119" t="s">
        <v>66</v>
      </c>
      <c r="W24" s="52" t="s">
        <v>21</v>
      </c>
      <c r="X24" s="119" t="s">
        <v>67</v>
      </c>
      <c r="Y24" s="119"/>
      <c r="Z24" s="119"/>
      <c r="AA24" s="52" t="s">
        <v>21</v>
      </c>
      <c r="AB24" s="119" t="s">
        <v>68</v>
      </c>
      <c r="AC24" s="119"/>
      <c r="AD24" s="121"/>
      <c r="AE24" s="78"/>
      <c r="AF24" s="78"/>
      <c r="AG24" s="78"/>
      <c r="AH24" s="78"/>
      <c r="AI24" s="78"/>
      <c r="AJ24" s="78"/>
      <c r="AK24" s="119" t="s">
        <v>69</v>
      </c>
      <c r="AL24" s="42"/>
    </row>
    <row r="25" spans="2:38" ht="25.5" customHeight="1" x14ac:dyDescent="0.55000000000000004">
      <c r="B25" s="122">
        <v>6</v>
      </c>
      <c r="C25" s="83" t="s">
        <v>70</v>
      </c>
      <c r="D25" s="84"/>
      <c r="E25" s="84"/>
      <c r="F25" s="84"/>
      <c r="G25" s="84"/>
      <c r="H25" s="85"/>
      <c r="I25" s="123" t="s">
        <v>71</v>
      </c>
      <c r="J25" s="124" t="s">
        <v>72</v>
      </c>
      <c r="K25" s="124" t="s">
        <v>73</v>
      </c>
      <c r="L25" s="124" t="s">
        <v>74</v>
      </c>
      <c r="M25" s="124" t="s">
        <v>75</v>
      </c>
      <c r="N25" s="124" t="s">
        <v>76</v>
      </c>
      <c r="O25" s="124" t="s">
        <v>46</v>
      </c>
      <c r="P25" s="125" t="s">
        <v>77</v>
      </c>
      <c r="Q25" s="125"/>
      <c r="R25" s="126"/>
      <c r="S25" s="127" t="s">
        <v>78</v>
      </c>
      <c r="T25" s="128"/>
      <c r="U25" s="129" t="s">
        <v>79</v>
      </c>
      <c r="V25" s="130"/>
      <c r="W25" s="131"/>
      <c r="X25" s="131"/>
      <c r="Y25" s="130" t="s">
        <v>80</v>
      </c>
      <c r="Z25" s="130"/>
      <c r="AA25" s="131"/>
      <c r="AB25" s="131"/>
      <c r="AC25" s="130" t="s">
        <v>81</v>
      </c>
      <c r="AD25" s="130" t="s">
        <v>82</v>
      </c>
      <c r="AE25" s="130"/>
      <c r="AF25" s="130"/>
      <c r="AG25" s="131"/>
      <c r="AH25" s="131"/>
      <c r="AI25" s="130" t="s">
        <v>83</v>
      </c>
      <c r="AJ25" s="132"/>
      <c r="AK25" s="133"/>
    </row>
    <row r="26" spans="2:38" ht="25.5" customHeight="1" x14ac:dyDescent="0.55000000000000004">
      <c r="B26" s="134"/>
      <c r="C26" s="135"/>
      <c r="D26" s="136"/>
      <c r="E26" s="136"/>
      <c r="F26" s="136"/>
      <c r="G26" s="136"/>
      <c r="H26" s="137"/>
      <c r="I26" s="138" t="s">
        <v>21</v>
      </c>
      <c r="J26" s="139" t="s">
        <v>21</v>
      </c>
      <c r="K26" s="139" t="s">
        <v>21</v>
      </c>
      <c r="L26" s="139" t="s">
        <v>21</v>
      </c>
      <c r="M26" s="139" t="s">
        <v>21</v>
      </c>
      <c r="N26" s="139" t="s">
        <v>21</v>
      </c>
      <c r="O26" s="139" t="s">
        <v>21</v>
      </c>
      <c r="P26" s="140" t="s">
        <v>21</v>
      </c>
      <c r="Q26" s="140"/>
      <c r="R26" s="141"/>
      <c r="S26" s="142"/>
      <c r="T26" s="143"/>
      <c r="U26" s="144"/>
      <c r="V26" s="145"/>
      <c r="W26" s="146"/>
      <c r="X26" s="146"/>
      <c r="Y26" s="145"/>
      <c r="Z26" s="145"/>
      <c r="AA26" s="146"/>
      <c r="AB26" s="146"/>
      <c r="AC26" s="145"/>
      <c r="AD26" s="145"/>
      <c r="AE26" s="145"/>
      <c r="AF26" s="145"/>
      <c r="AG26" s="146"/>
      <c r="AH26" s="146"/>
      <c r="AI26" s="145"/>
      <c r="AJ26" s="147"/>
      <c r="AK26" s="148"/>
    </row>
    <row r="27" spans="2:38" ht="25.5" customHeight="1" x14ac:dyDescent="0.55000000000000004">
      <c r="B27" s="134"/>
      <c r="C27" s="135"/>
      <c r="D27" s="136"/>
      <c r="E27" s="136"/>
      <c r="F27" s="136"/>
      <c r="G27" s="136"/>
      <c r="H27" s="137"/>
      <c r="I27" s="149" t="s">
        <v>84</v>
      </c>
      <c r="J27" s="150"/>
      <c r="K27" s="150"/>
      <c r="L27" s="150"/>
      <c r="M27" s="150"/>
      <c r="N27" s="151"/>
      <c r="O27" s="152" t="s">
        <v>79</v>
      </c>
      <c r="P27" s="153"/>
      <c r="Q27" s="154"/>
      <c r="R27" s="155"/>
      <c r="S27" s="155"/>
      <c r="T27" s="156" t="s">
        <v>7</v>
      </c>
      <c r="U27" s="157" t="s">
        <v>85</v>
      </c>
      <c r="V27" s="150"/>
      <c r="W27" s="150"/>
      <c r="X27" s="150"/>
      <c r="Y27" s="150"/>
      <c r="Z27" s="151"/>
      <c r="AA27" s="152" t="s">
        <v>86</v>
      </c>
      <c r="AB27" s="153"/>
      <c r="AC27" s="154"/>
      <c r="AD27" s="154"/>
      <c r="AE27" s="154"/>
      <c r="AF27" s="158" t="s">
        <v>7</v>
      </c>
      <c r="AG27" s="159"/>
      <c r="AH27" s="159"/>
      <c r="AI27" s="159"/>
      <c r="AJ27" s="160"/>
      <c r="AL27" s="42"/>
    </row>
    <row r="28" spans="2:38" ht="25.5" customHeight="1" x14ac:dyDescent="0.55000000000000004">
      <c r="B28" s="134"/>
      <c r="C28" s="135"/>
      <c r="D28" s="136"/>
      <c r="E28" s="136"/>
      <c r="F28" s="136"/>
      <c r="G28" s="136"/>
      <c r="H28" s="137"/>
      <c r="I28" s="161" t="s">
        <v>87</v>
      </c>
      <c r="J28" s="162"/>
      <c r="K28" s="163"/>
      <c r="L28" s="163"/>
      <c r="M28" s="164" t="s">
        <v>88</v>
      </c>
      <c r="N28" s="165"/>
      <c r="O28" s="165"/>
      <c r="P28" s="164" t="s">
        <v>81</v>
      </c>
      <c r="Q28" s="166"/>
      <c r="R28" s="167" t="s">
        <v>51</v>
      </c>
      <c r="S28" s="167"/>
      <c r="T28" s="168"/>
      <c r="U28" s="168"/>
      <c r="V28" s="167" t="s">
        <v>88</v>
      </c>
      <c r="W28" s="168"/>
      <c r="X28" s="168"/>
      <c r="Y28" s="167" t="s">
        <v>81</v>
      </c>
      <c r="Z28" s="169" t="s">
        <v>82</v>
      </c>
      <c r="AA28" s="169"/>
      <c r="AB28" s="169"/>
      <c r="AC28" s="170"/>
      <c r="AD28" s="170"/>
      <c r="AE28" s="169" t="s">
        <v>83</v>
      </c>
      <c r="AF28" s="171"/>
      <c r="AG28" s="171"/>
      <c r="AH28" s="171"/>
      <c r="AI28" s="171"/>
      <c r="AJ28" s="172"/>
      <c r="AK28" s="173"/>
    </row>
    <row r="29" spans="2:38" ht="25.5" customHeight="1" x14ac:dyDescent="0.55000000000000004">
      <c r="B29" s="134"/>
      <c r="C29" s="135"/>
      <c r="D29" s="136"/>
      <c r="E29" s="136"/>
      <c r="F29" s="136"/>
      <c r="G29" s="136"/>
      <c r="H29" s="137"/>
      <c r="I29" s="174" t="s">
        <v>89</v>
      </c>
      <c r="J29" s="175"/>
      <c r="K29" s="176"/>
      <c r="L29" s="176"/>
      <c r="M29" s="177" t="s">
        <v>88</v>
      </c>
      <c r="N29" s="176"/>
      <c r="O29" s="176"/>
      <c r="P29" s="177" t="s">
        <v>81</v>
      </c>
      <c r="Q29" s="178"/>
      <c r="R29" s="164" t="s">
        <v>51</v>
      </c>
      <c r="S29" s="164"/>
      <c r="T29" s="165"/>
      <c r="U29" s="165"/>
      <c r="V29" s="164" t="s">
        <v>88</v>
      </c>
      <c r="W29" s="165"/>
      <c r="X29" s="165"/>
      <c r="Y29" s="164" t="s">
        <v>81</v>
      </c>
      <c r="Z29" s="4" t="s">
        <v>90</v>
      </c>
      <c r="AA29" s="4"/>
      <c r="AB29" s="4"/>
      <c r="AC29" s="170"/>
      <c r="AD29" s="170"/>
      <c r="AE29" s="4" t="s">
        <v>83</v>
      </c>
      <c r="AF29" s="153"/>
      <c r="AG29" s="153"/>
      <c r="AH29" s="153"/>
      <c r="AI29" s="153"/>
      <c r="AJ29" s="160"/>
      <c r="AK29" s="173"/>
    </row>
    <row r="30" spans="2:38" ht="25.5" customHeight="1" thickBot="1" x14ac:dyDescent="0.6">
      <c r="B30" s="134"/>
      <c r="C30" s="179"/>
      <c r="D30" s="180"/>
      <c r="E30" s="180"/>
      <c r="F30" s="180"/>
      <c r="G30" s="180"/>
      <c r="H30" s="181"/>
      <c r="I30" s="182" t="s">
        <v>91</v>
      </c>
      <c r="J30" s="183"/>
      <c r="K30" s="184"/>
      <c r="L30" s="184"/>
      <c r="M30" s="185" t="s">
        <v>88</v>
      </c>
      <c r="N30" s="184"/>
      <c r="O30" s="184"/>
      <c r="P30" s="185" t="s">
        <v>81</v>
      </c>
      <c r="Q30" s="186"/>
      <c r="R30" s="185" t="s">
        <v>51</v>
      </c>
      <c r="T30" s="184"/>
      <c r="U30" s="184"/>
      <c r="V30" s="185" t="s">
        <v>88</v>
      </c>
      <c r="W30" s="184"/>
      <c r="X30" s="184"/>
      <c r="Y30" s="185" t="s">
        <v>81</v>
      </c>
      <c r="Z30" s="187" t="s">
        <v>90</v>
      </c>
      <c r="AA30" s="187"/>
      <c r="AB30" s="187"/>
      <c r="AC30" s="188"/>
      <c r="AD30" s="188"/>
      <c r="AE30" s="187" t="s">
        <v>83</v>
      </c>
      <c r="AF30" s="189"/>
      <c r="AG30" s="189"/>
      <c r="AH30" s="189"/>
      <c r="AI30" s="189"/>
      <c r="AK30" s="190"/>
    </row>
    <row r="31" spans="2:38" ht="25.5" customHeight="1" x14ac:dyDescent="0.55000000000000004">
      <c r="B31" s="134"/>
      <c r="C31" s="191" t="s">
        <v>92</v>
      </c>
      <c r="D31" s="192"/>
      <c r="E31" s="192"/>
      <c r="F31" s="192"/>
      <c r="G31" s="192"/>
      <c r="H31" s="193"/>
      <c r="I31" s="194" t="s">
        <v>93</v>
      </c>
      <c r="J31" s="195"/>
      <c r="K31" s="195"/>
      <c r="L31" s="195"/>
      <c r="M31" s="196" t="s">
        <v>21</v>
      </c>
      <c r="N31" s="86" t="s">
        <v>79</v>
      </c>
      <c r="O31" s="197"/>
      <c r="P31" s="198" t="s">
        <v>21</v>
      </c>
      <c r="Q31" s="86" t="s">
        <v>86</v>
      </c>
      <c r="R31" s="197"/>
      <c r="S31" s="199"/>
      <c r="T31" s="199"/>
      <c r="U31" s="195" t="s">
        <v>80</v>
      </c>
      <c r="V31" s="195"/>
      <c r="W31" s="200"/>
      <c r="X31" s="200"/>
      <c r="Y31" s="201" t="s">
        <v>81</v>
      </c>
      <c r="Z31" s="202" t="s">
        <v>94</v>
      </c>
      <c r="AA31" s="202"/>
      <c r="AB31" s="202"/>
      <c r="AC31" s="203"/>
      <c r="AD31" s="203"/>
      <c r="AE31" s="202" t="s">
        <v>83</v>
      </c>
      <c r="AF31" s="204"/>
      <c r="AG31" s="204"/>
      <c r="AH31" s="204"/>
      <c r="AI31" s="204"/>
      <c r="AJ31" s="205"/>
      <c r="AK31" s="114"/>
    </row>
    <row r="32" spans="2:38" ht="25.5" customHeight="1" x14ac:dyDescent="0.55000000000000004">
      <c r="B32" s="134"/>
      <c r="C32" s="206"/>
      <c r="D32" s="207"/>
      <c r="E32" s="207"/>
      <c r="F32" s="207"/>
      <c r="G32" s="207"/>
      <c r="H32" s="208"/>
      <c r="I32" s="149" t="s">
        <v>95</v>
      </c>
      <c r="J32" s="150"/>
      <c r="K32" s="150"/>
      <c r="L32" s="150"/>
      <c r="M32" s="209" t="s">
        <v>21</v>
      </c>
      <c r="N32" s="210" t="s">
        <v>79</v>
      </c>
      <c r="O32" s="211"/>
      <c r="P32" s="212" t="s">
        <v>21</v>
      </c>
      <c r="Q32" s="210" t="s">
        <v>86</v>
      </c>
      <c r="R32" s="211"/>
      <c r="S32" s="213"/>
      <c r="T32" s="213"/>
      <c r="U32" s="150" t="s">
        <v>7</v>
      </c>
      <c r="V32" s="150"/>
      <c r="W32" s="150"/>
      <c r="X32" s="150"/>
      <c r="Y32" s="150"/>
      <c r="Z32" s="150"/>
      <c r="AA32" s="150"/>
      <c r="AB32" s="150"/>
      <c r="AC32" s="150"/>
      <c r="AD32" s="150"/>
      <c r="AE32" s="150"/>
      <c r="AF32" s="150"/>
      <c r="AG32" s="150"/>
      <c r="AH32" s="150"/>
      <c r="AI32" s="150"/>
      <c r="AJ32" s="150"/>
      <c r="AK32" s="214"/>
      <c r="AL32" s="42"/>
    </row>
    <row r="33" spans="2:38" ht="39" customHeight="1" thickBot="1" x14ac:dyDescent="0.6">
      <c r="B33" s="215"/>
      <c r="C33" s="216"/>
      <c r="D33" s="217"/>
      <c r="E33" s="217"/>
      <c r="F33" s="217"/>
      <c r="G33" s="217"/>
      <c r="H33" s="218"/>
      <c r="I33" s="219" t="s">
        <v>96</v>
      </c>
      <c r="J33" s="219"/>
      <c r="K33" s="219"/>
      <c r="L33" s="219"/>
      <c r="M33" s="220"/>
      <c r="N33" s="221"/>
      <c r="O33" s="222" t="s">
        <v>97</v>
      </c>
      <c r="P33" s="221"/>
      <c r="Q33" s="221"/>
      <c r="R33" s="222" t="s">
        <v>81</v>
      </c>
      <c r="S33" s="222" t="s">
        <v>51</v>
      </c>
      <c r="T33" s="221"/>
      <c r="U33" s="221"/>
      <c r="V33" s="222" t="s">
        <v>97</v>
      </c>
      <c r="W33" s="221"/>
      <c r="X33" s="221"/>
      <c r="Y33" s="222" t="s">
        <v>81</v>
      </c>
      <c r="Z33" s="223" t="s">
        <v>82</v>
      </c>
      <c r="AA33" s="223"/>
      <c r="AB33" s="223"/>
      <c r="AC33" s="188"/>
      <c r="AD33" s="188"/>
      <c r="AE33" s="223" t="s">
        <v>83</v>
      </c>
      <c r="AF33" s="223"/>
      <c r="AG33" s="223"/>
      <c r="AH33" s="223"/>
      <c r="AI33" s="223"/>
      <c r="AK33" s="224"/>
    </row>
    <row r="34" spans="2:38" ht="25.5" customHeight="1" x14ac:dyDescent="0.55000000000000004">
      <c r="B34" s="122">
        <v>7</v>
      </c>
      <c r="C34" s="83" t="s">
        <v>98</v>
      </c>
      <c r="D34" s="84"/>
      <c r="E34" s="84"/>
      <c r="F34" s="84"/>
      <c r="G34" s="84"/>
      <c r="H34" s="85"/>
      <c r="I34" s="194" t="s">
        <v>99</v>
      </c>
      <c r="J34" s="225"/>
      <c r="K34" s="226"/>
      <c r="L34" s="226"/>
      <c r="M34" s="227" t="s">
        <v>5</v>
      </c>
      <c r="N34" s="228"/>
      <c r="O34" s="228"/>
      <c r="P34" s="229" t="s">
        <v>6</v>
      </c>
      <c r="Q34" s="97"/>
      <c r="R34" s="194" t="s">
        <v>99</v>
      </c>
      <c r="S34" s="225"/>
      <c r="T34" s="92"/>
      <c r="U34" s="92"/>
      <c r="V34" s="227" t="s">
        <v>5</v>
      </c>
      <c r="W34" s="228"/>
      <c r="X34" s="228"/>
      <c r="Y34" s="229" t="s">
        <v>6</v>
      </c>
      <c r="Z34" s="230"/>
      <c r="AA34" s="195" t="s">
        <v>99</v>
      </c>
      <c r="AB34" s="225"/>
      <c r="AC34" s="92"/>
      <c r="AD34" s="92"/>
      <c r="AE34" s="227" t="s">
        <v>5</v>
      </c>
      <c r="AF34" s="228"/>
      <c r="AG34" s="228"/>
      <c r="AH34" s="229" t="s">
        <v>6</v>
      </c>
      <c r="AI34" s="231"/>
      <c r="AJ34" s="232"/>
      <c r="AK34" s="233"/>
    </row>
    <row r="35" spans="2:38" ht="25.5" customHeight="1" thickBot="1" x14ac:dyDescent="0.6">
      <c r="B35" s="134"/>
      <c r="C35" s="135"/>
      <c r="D35" s="136"/>
      <c r="E35" s="136"/>
      <c r="F35" s="136"/>
      <c r="G35" s="136"/>
      <c r="H35" s="137"/>
      <c r="I35" s="234"/>
      <c r="J35" s="184"/>
      <c r="K35" s="235" t="s">
        <v>100</v>
      </c>
      <c r="L35" s="236"/>
      <c r="M35" s="237"/>
      <c r="N35" s="238"/>
      <c r="O35" s="235" t="s">
        <v>101</v>
      </c>
      <c r="P35" s="235"/>
      <c r="Q35" s="239"/>
      <c r="R35" s="234"/>
      <c r="S35" s="184"/>
      <c r="T35" s="235" t="s">
        <v>100</v>
      </c>
      <c r="U35" s="236"/>
      <c r="V35" s="237"/>
      <c r="W35" s="238"/>
      <c r="X35" s="235" t="s">
        <v>101</v>
      </c>
      <c r="Y35" s="235"/>
      <c r="Z35" s="239"/>
      <c r="AA35" s="234"/>
      <c r="AB35" s="184"/>
      <c r="AC35" s="235" t="s">
        <v>100</v>
      </c>
      <c r="AD35" s="236"/>
      <c r="AE35" s="237"/>
      <c r="AF35" s="238"/>
      <c r="AG35" s="235" t="s">
        <v>101</v>
      </c>
      <c r="AH35" s="235"/>
      <c r="AI35" s="235"/>
      <c r="AJ35" s="240"/>
      <c r="AK35" s="241"/>
    </row>
    <row r="36" spans="2:38" ht="25.5" customHeight="1" x14ac:dyDescent="0.55000000000000004">
      <c r="B36" s="122">
        <v>8</v>
      </c>
      <c r="C36" s="83" t="s">
        <v>102</v>
      </c>
      <c r="D36" s="84"/>
      <c r="E36" s="84"/>
      <c r="F36" s="84"/>
      <c r="G36" s="84"/>
      <c r="H36" s="85"/>
      <c r="I36" s="196" t="s">
        <v>103</v>
      </c>
      <c r="J36" s="86" t="s">
        <v>104</v>
      </c>
      <c r="K36" s="197"/>
      <c r="L36" s="198" t="s">
        <v>103</v>
      </c>
      <c r="M36" s="86" t="s">
        <v>105</v>
      </c>
      <c r="N36" s="197"/>
      <c r="O36" s="242"/>
      <c r="P36" s="86"/>
      <c r="Q36" s="242"/>
      <c r="R36" s="242"/>
      <c r="S36" s="242"/>
      <c r="T36" s="242"/>
      <c r="U36" s="242"/>
      <c r="V36" s="242"/>
      <c r="W36" s="242"/>
      <c r="X36" s="242"/>
      <c r="Y36" s="242"/>
      <c r="Z36" s="242"/>
      <c r="AA36" s="242"/>
      <c r="AB36" s="242"/>
      <c r="AC36" s="242"/>
      <c r="AD36" s="242"/>
      <c r="AE36" s="242"/>
      <c r="AF36" s="242"/>
      <c r="AG36" s="242"/>
      <c r="AH36" s="242"/>
      <c r="AI36" s="242"/>
      <c r="AJ36" s="242"/>
      <c r="AK36" s="242"/>
      <c r="AL36" s="42"/>
    </row>
    <row r="37" spans="2:38" ht="25.5" customHeight="1" thickBot="1" x14ac:dyDescent="0.6">
      <c r="B37" s="215"/>
      <c r="C37" s="179"/>
      <c r="D37" s="180"/>
      <c r="E37" s="180"/>
      <c r="F37" s="180"/>
      <c r="G37" s="180"/>
      <c r="H37" s="181"/>
      <c r="I37" s="243" t="s">
        <v>106</v>
      </c>
      <c r="J37" s="236"/>
      <c r="K37" s="184"/>
      <c r="L37" s="184"/>
      <c r="M37" s="185" t="s">
        <v>5</v>
      </c>
      <c r="N37" s="244"/>
      <c r="O37" s="244"/>
      <c r="P37" s="185" t="s">
        <v>6</v>
      </c>
      <c r="Q37" s="244"/>
      <c r="R37" s="244"/>
      <c r="S37" s="185" t="s">
        <v>7</v>
      </c>
      <c r="T37" s="245"/>
      <c r="U37" s="235" t="s">
        <v>107</v>
      </c>
      <c r="V37" s="235"/>
      <c r="W37" s="245"/>
      <c r="X37" s="184"/>
      <c r="Y37" s="184"/>
      <c r="Z37" s="185" t="s">
        <v>5</v>
      </c>
      <c r="AA37" s="244"/>
      <c r="AB37" s="244"/>
      <c r="AC37" s="185" t="s">
        <v>6</v>
      </c>
      <c r="AD37" s="244"/>
      <c r="AE37" s="244"/>
      <c r="AF37" s="185" t="s">
        <v>7</v>
      </c>
      <c r="AG37" s="235"/>
      <c r="AH37" s="235"/>
      <c r="AI37" s="235"/>
      <c r="AJ37" s="240"/>
      <c r="AK37" s="241"/>
    </row>
    <row r="38" spans="2:38" ht="25.5" customHeight="1" x14ac:dyDescent="0.55000000000000004">
      <c r="B38" s="122">
        <v>9</v>
      </c>
      <c r="C38" s="83" t="s">
        <v>108</v>
      </c>
      <c r="D38" s="84"/>
      <c r="E38" s="84"/>
      <c r="F38" s="84"/>
      <c r="G38" s="84"/>
      <c r="H38" s="85"/>
      <c r="I38" s="196" t="s">
        <v>21</v>
      </c>
      <c r="J38" s="86" t="s">
        <v>104</v>
      </c>
      <c r="K38" s="197"/>
      <c r="L38" s="198" t="s">
        <v>21</v>
      </c>
      <c r="M38" s="86" t="s">
        <v>105</v>
      </c>
      <c r="N38" s="197"/>
      <c r="O38" s="198" t="s">
        <v>21</v>
      </c>
      <c r="P38" s="86" t="s">
        <v>109</v>
      </c>
      <c r="Q38" s="246"/>
      <c r="R38" s="247"/>
      <c r="S38" s="247"/>
      <c r="T38" s="247"/>
      <c r="U38" s="247"/>
      <c r="V38" s="247"/>
      <c r="W38" s="247"/>
      <c r="X38" s="247"/>
      <c r="Y38" s="247"/>
      <c r="Z38" s="247"/>
      <c r="AA38" s="247"/>
      <c r="AB38" s="247"/>
      <c r="AC38" s="247"/>
      <c r="AD38" s="247"/>
      <c r="AE38" s="247"/>
      <c r="AF38" s="247"/>
      <c r="AG38" s="247"/>
      <c r="AH38" s="247"/>
      <c r="AI38" s="247"/>
      <c r="AJ38" s="247"/>
      <c r="AK38" s="247"/>
      <c r="AL38" s="42"/>
    </row>
    <row r="39" spans="2:38" ht="25.5" customHeight="1" thickBot="1" x14ac:dyDescent="0.6">
      <c r="B39" s="105"/>
      <c r="C39" s="248"/>
      <c r="D39" s="249"/>
      <c r="E39" s="249"/>
      <c r="F39" s="249"/>
      <c r="G39" s="249"/>
      <c r="H39" s="250"/>
      <c r="I39" s="251" t="s">
        <v>106</v>
      </c>
      <c r="J39" s="252"/>
      <c r="K39" s="253"/>
      <c r="L39" s="254"/>
      <c r="M39" s="255" t="s">
        <v>5</v>
      </c>
      <c r="N39" s="256"/>
      <c r="O39" s="255" t="s">
        <v>6</v>
      </c>
      <c r="P39" s="256"/>
      <c r="Q39" s="255" t="s">
        <v>7</v>
      </c>
      <c r="R39" s="255" t="s">
        <v>51</v>
      </c>
      <c r="S39" s="254"/>
      <c r="T39" s="254"/>
      <c r="U39" s="255" t="s">
        <v>5</v>
      </c>
      <c r="V39" s="256"/>
      <c r="W39" s="255" t="s">
        <v>6</v>
      </c>
      <c r="X39" s="256"/>
      <c r="Y39" s="255" t="s">
        <v>7</v>
      </c>
      <c r="Z39" s="255"/>
      <c r="AA39" s="255"/>
      <c r="AB39" s="255"/>
      <c r="AC39" s="255"/>
      <c r="AD39" s="255"/>
      <c r="AE39" s="255"/>
      <c r="AF39" s="255"/>
      <c r="AG39" s="255"/>
      <c r="AH39" s="255"/>
      <c r="AI39" s="255"/>
      <c r="AJ39" s="255"/>
      <c r="AK39" s="257"/>
      <c r="AL39" s="42"/>
    </row>
    <row r="40" spans="2:38" ht="25.5" customHeight="1" x14ac:dyDescent="0.55000000000000004">
      <c r="B40" s="122">
        <v>10</v>
      </c>
      <c r="C40" s="83" t="s">
        <v>110</v>
      </c>
      <c r="D40" s="84"/>
      <c r="E40" s="84"/>
      <c r="F40" s="84"/>
      <c r="G40" s="84"/>
      <c r="H40" s="85"/>
      <c r="I40" s="196" t="s">
        <v>21</v>
      </c>
      <c r="J40" s="86" t="s">
        <v>104</v>
      </c>
      <c r="K40" s="197"/>
      <c r="L40" s="198" t="s">
        <v>21</v>
      </c>
      <c r="M40" s="86" t="s">
        <v>105</v>
      </c>
      <c r="N40" s="197"/>
      <c r="O40" s="198" t="s">
        <v>21</v>
      </c>
      <c r="P40" s="86" t="s">
        <v>109</v>
      </c>
      <c r="Q40" s="246"/>
      <c r="R40" s="258" t="s">
        <v>111</v>
      </c>
      <c r="S40" s="259"/>
      <c r="T40" s="198" t="s">
        <v>21</v>
      </c>
      <c r="U40" s="260" t="s">
        <v>112</v>
      </c>
      <c r="V40" s="260"/>
      <c r="W40" s="260"/>
      <c r="X40" s="198" t="s">
        <v>21</v>
      </c>
      <c r="Y40" s="260" t="s">
        <v>113</v>
      </c>
      <c r="Z40" s="260"/>
      <c r="AA40" s="198" t="s">
        <v>21</v>
      </c>
      <c r="AB40" s="260" t="s">
        <v>114</v>
      </c>
      <c r="AC40" s="260"/>
      <c r="AD40" s="261"/>
      <c r="AE40" s="232"/>
      <c r="AF40" s="232"/>
      <c r="AG40" s="232"/>
      <c r="AH40" s="232"/>
      <c r="AI40" s="232"/>
      <c r="AJ40" s="232"/>
      <c r="AK40" s="166" t="s">
        <v>41</v>
      </c>
      <c r="AL40" s="42"/>
    </row>
    <row r="41" spans="2:38" ht="25.5" customHeight="1" thickBot="1" x14ac:dyDescent="0.6">
      <c r="B41" s="105"/>
      <c r="C41" s="248"/>
      <c r="D41" s="249"/>
      <c r="E41" s="249"/>
      <c r="F41" s="249"/>
      <c r="G41" s="249"/>
      <c r="H41" s="250"/>
      <c r="I41" s="251" t="s">
        <v>106</v>
      </c>
      <c r="J41" s="252"/>
      <c r="K41" s="253"/>
      <c r="L41" s="254"/>
      <c r="M41" s="255" t="s">
        <v>5</v>
      </c>
      <c r="N41" s="256"/>
      <c r="O41" s="255" t="s">
        <v>6</v>
      </c>
      <c r="P41" s="256"/>
      <c r="Q41" s="255" t="s">
        <v>7</v>
      </c>
      <c r="R41" s="255" t="s">
        <v>51</v>
      </c>
      <c r="S41" s="254"/>
      <c r="T41" s="254"/>
      <c r="U41" s="255" t="s">
        <v>5</v>
      </c>
      <c r="V41" s="256"/>
      <c r="W41" s="255" t="s">
        <v>6</v>
      </c>
      <c r="X41" s="256"/>
      <c r="Y41" s="255" t="s">
        <v>7</v>
      </c>
      <c r="Z41" s="255"/>
      <c r="AA41" s="255"/>
      <c r="AB41" s="255"/>
      <c r="AC41" s="255"/>
      <c r="AD41" s="255"/>
      <c r="AE41" s="255"/>
      <c r="AF41" s="255"/>
      <c r="AG41" s="255"/>
      <c r="AH41" s="255"/>
      <c r="AI41" s="255"/>
      <c r="AJ41" s="255"/>
      <c r="AK41" s="255"/>
      <c r="AL41" s="42"/>
    </row>
    <row r="42" spans="2:38" ht="25.5" customHeight="1" thickBot="1" x14ac:dyDescent="0.6">
      <c r="B42" s="262">
        <v>11</v>
      </c>
      <c r="C42" s="263" t="s">
        <v>115</v>
      </c>
      <c r="D42" s="264"/>
      <c r="E42" s="264"/>
      <c r="F42" s="264"/>
      <c r="G42" s="264"/>
      <c r="H42" s="265"/>
      <c r="I42" s="196" t="s">
        <v>21</v>
      </c>
      <c r="J42" s="86" t="s">
        <v>116</v>
      </c>
      <c r="K42" s="197"/>
      <c r="L42" s="198" t="s">
        <v>21</v>
      </c>
      <c r="M42" s="86" t="s">
        <v>117</v>
      </c>
      <c r="N42" s="266"/>
      <c r="O42" s="267"/>
      <c r="P42" s="268"/>
      <c r="Q42" s="268"/>
      <c r="R42" s="269" t="s">
        <v>5</v>
      </c>
      <c r="S42" s="268"/>
      <c r="T42" s="268"/>
      <c r="U42" s="269" t="s">
        <v>6</v>
      </c>
      <c r="V42" s="268"/>
      <c r="W42" s="268"/>
      <c r="X42" s="269" t="s">
        <v>7</v>
      </c>
      <c r="Y42" s="270"/>
      <c r="Z42" s="270"/>
      <c r="AA42" s="270"/>
      <c r="AB42" s="270"/>
      <c r="AC42" s="270"/>
      <c r="AD42" s="270"/>
      <c r="AE42" s="270"/>
      <c r="AF42" s="270"/>
      <c r="AG42" s="270"/>
      <c r="AH42" s="270"/>
      <c r="AI42" s="270"/>
      <c r="AJ42" s="270"/>
      <c r="AK42" s="270"/>
      <c r="AL42" s="42"/>
    </row>
    <row r="43" spans="2:38" ht="25.5" customHeight="1" x14ac:dyDescent="0.55000000000000004">
      <c r="B43" s="122">
        <v>12</v>
      </c>
      <c r="C43" s="83" t="s">
        <v>118</v>
      </c>
      <c r="D43" s="84"/>
      <c r="E43" s="84"/>
      <c r="F43" s="84"/>
      <c r="G43" s="84"/>
      <c r="H43" s="85"/>
      <c r="I43" s="196" t="s">
        <v>21</v>
      </c>
      <c r="J43" s="86" t="s">
        <v>104</v>
      </c>
      <c r="K43" s="197"/>
      <c r="L43" s="198" t="s">
        <v>21</v>
      </c>
      <c r="M43" s="86" t="s">
        <v>105</v>
      </c>
      <c r="N43" s="246"/>
      <c r="O43" s="246"/>
      <c r="P43" s="246"/>
      <c r="Q43" s="271"/>
      <c r="R43" s="272" t="s">
        <v>106</v>
      </c>
      <c r="S43" s="273"/>
      <c r="T43" s="274"/>
      <c r="U43" s="275"/>
      <c r="V43" s="276" t="s">
        <v>5</v>
      </c>
      <c r="W43" s="277"/>
      <c r="X43" s="276" t="s">
        <v>6</v>
      </c>
      <c r="Y43" s="277"/>
      <c r="Z43" s="276" t="s">
        <v>7</v>
      </c>
      <c r="AA43" s="276" t="s">
        <v>51</v>
      </c>
      <c r="AB43" s="278"/>
      <c r="AC43" s="279"/>
      <c r="AD43" s="276" t="s">
        <v>5</v>
      </c>
      <c r="AE43" s="277"/>
      <c r="AF43" s="276" t="s">
        <v>6</v>
      </c>
      <c r="AG43" s="277"/>
      <c r="AH43" s="276" t="s">
        <v>7</v>
      </c>
      <c r="AI43" s="276"/>
      <c r="AJ43" s="280"/>
      <c r="AL43" s="42"/>
    </row>
    <row r="44" spans="2:38" ht="39.75" customHeight="1" thickBot="1" x14ac:dyDescent="0.6">
      <c r="B44" s="215"/>
      <c r="C44" s="179"/>
      <c r="D44" s="180"/>
      <c r="E44" s="180"/>
      <c r="F44" s="180"/>
      <c r="G44" s="180"/>
      <c r="H44" s="181"/>
      <c r="I44" s="219" t="s">
        <v>96</v>
      </c>
      <c r="J44" s="219"/>
      <c r="K44" s="219"/>
      <c r="L44" s="219"/>
      <c r="M44" s="220"/>
      <c r="N44" s="221"/>
      <c r="O44" s="222" t="s">
        <v>97</v>
      </c>
      <c r="P44" s="221"/>
      <c r="Q44" s="221"/>
      <c r="R44" s="222" t="s">
        <v>81</v>
      </c>
      <c r="S44" s="222" t="s">
        <v>51</v>
      </c>
      <c r="T44" s="221"/>
      <c r="U44" s="221"/>
      <c r="V44" s="222" t="s">
        <v>97</v>
      </c>
      <c r="W44" s="221"/>
      <c r="X44" s="221"/>
      <c r="Y44" s="222" t="s">
        <v>81</v>
      </c>
      <c r="Z44" s="223" t="s">
        <v>82</v>
      </c>
      <c r="AA44" s="281"/>
      <c r="AB44" s="223"/>
      <c r="AC44" s="282"/>
      <c r="AD44" s="282"/>
      <c r="AE44" s="223" t="s">
        <v>83</v>
      </c>
      <c r="AF44" s="223"/>
      <c r="AG44" s="223"/>
      <c r="AH44" s="223"/>
      <c r="AI44" s="223"/>
      <c r="AJ44" s="281"/>
      <c r="AK44" s="224"/>
    </row>
    <row r="45" spans="2:38" ht="51.75" customHeight="1" thickBot="1" x14ac:dyDescent="0.6">
      <c r="B45" s="283">
        <v>13</v>
      </c>
      <c r="C45" s="284" t="s">
        <v>119</v>
      </c>
      <c r="D45" s="285"/>
      <c r="E45" s="285"/>
      <c r="F45" s="285"/>
      <c r="G45" s="285"/>
      <c r="H45" s="285"/>
      <c r="I45" s="196" t="s">
        <v>21</v>
      </c>
      <c r="J45" s="86" t="s">
        <v>120</v>
      </c>
      <c r="K45" s="198" t="s">
        <v>21</v>
      </c>
      <c r="L45" s="86" t="s">
        <v>121</v>
      </c>
      <c r="M45" s="86"/>
      <c r="N45" s="198" t="s">
        <v>21</v>
      </c>
      <c r="O45" s="86" t="s">
        <v>122</v>
      </c>
      <c r="P45" s="86"/>
      <c r="R45" s="286"/>
      <c r="S45" s="286"/>
      <c r="T45" s="286"/>
      <c r="U45" s="286"/>
      <c r="V45" s="286"/>
      <c r="W45" s="287"/>
      <c r="X45" s="287"/>
      <c r="Y45" s="287"/>
      <c r="Z45" s="287"/>
      <c r="AA45" s="287"/>
      <c r="AB45" s="287"/>
      <c r="AC45" s="287"/>
      <c r="AD45" s="287"/>
      <c r="AE45" s="287"/>
      <c r="AF45" s="287"/>
      <c r="AG45" s="286"/>
      <c r="AH45" s="288"/>
      <c r="AI45" s="288"/>
      <c r="AJ45" s="288"/>
      <c r="AK45" s="289"/>
      <c r="AL45" s="42"/>
    </row>
    <row r="46" spans="2:38" s="295" customFormat="1" ht="51.75" customHeight="1" thickBot="1" x14ac:dyDescent="0.6">
      <c r="B46" s="290">
        <v>14</v>
      </c>
      <c r="C46" s="291" t="s">
        <v>123</v>
      </c>
      <c r="D46" s="291"/>
      <c r="E46" s="291"/>
      <c r="F46" s="291"/>
      <c r="G46" s="291"/>
      <c r="H46" s="291"/>
      <c r="I46" s="292" t="s">
        <v>21</v>
      </c>
      <c r="J46" s="293" t="s">
        <v>120</v>
      </c>
      <c r="K46" s="294" t="s">
        <v>21</v>
      </c>
      <c r="L46" s="293" t="s">
        <v>121</v>
      </c>
      <c r="M46" s="293"/>
      <c r="N46" s="294" t="s">
        <v>21</v>
      </c>
      <c r="O46" s="293" t="s">
        <v>122</v>
      </c>
      <c r="P46" s="198" t="s">
        <v>21</v>
      </c>
      <c r="Q46" s="86" t="s">
        <v>124</v>
      </c>
      <c r="R46" s="286"/>
      <c r="S46" s="286"/>
      <c r="T46" s="286"/>
      <c r="U46" s="286"/>
      <c r="V46" s="286"/>
      <c r="W46" s="287"/>
      <c r="X46" s="287"/>
      <c r="Y46" s="287"/>
      <c r="Z46" s="287"/>
      <c r="AA46" s="287"/>
      <c r="AB46" s="287"/>
      <c r="AC46" s="287"/>
      <c r="AD46" s="287"/>
      <c r="AE46" s="287"/>
      <c r="AF46" s="287"/>
      <c r="AG46" s="286"/>
      <c r="AH46" s="288"/>
      <c r="AI46" s="288"/>
      <c r="AJ46" s="288"/>
      <c r="AL46" s="296"/>
    </row>
    <row r="47" spans="2:38" ht="25.5" customHeight="1" thickBot="1" x14ac:dyDescent="0.6">
      <c r="B47" s="297">
        <v>15</v>
      </c>
      <c r="C47" s="298" t="s">
        <v>125</v>
      </c>
      <c r="D47" s="96"/>
      <c r="E47" s="96"/>
      <c r="F47" s="96"/>
      <c r="G47" s="96"/>
      <c r="H47" s="299"/>
      <c r="I47" s="292" t="s">
        <v>21</v>
      </c>
      <c r="J47" s="293" t="s">
        <v>126</v>
      </c>
      <c r="K47" s="294" t="s">
        <v>21</v>
      </c>
      <c r="L47" s="293" t="s">
        <v>127</v>
      </c>
      <c r="M47" s="293"/>
      <c r="N47" s="294" t="s">
        <v>21</v>
      </c>
      <c r="O47" s="293" t="s">
        <v>128</v>
      </c>
      <c r="P47" s="300"/>
      <c r="Q47" s="301"/>
      <c r="R47" s="301"/>
      <c r="S47" s="301"/>
      <c r="T47" s="301"/>
      <c r="U47" s="301"/>
      <c r="V47" s="301"/>
      <c r="W47" s="301"/>
      <c r="X47" s="301"/>
      <c r="Y47" s="301"/>
      <c r="Z47" s="301"/>
      <c r="AA47" s="301"/>
      <c r="AB47" s="301"/>
      <c r="AC47" s="301"/>
      <c r="AD47" s="301"/>
      <c r="AE47" s="301"/>
      <c r="AF47" s="301"/>
      <c r="AG47" s="301"/>
      <c r="AH47" s="301"/>
      <c r="AI47" s="301"/>
      <c r="AJ47" s="301"/>
      <c r="AK47" s="301"/>
      <c r="AL47" s="42"/>
    </row>
    <row r="48" spans="2:38" ht="25.5" customHeight="1" thickBot="1" x14ac:dyDescent="0.6">
      <c r="B48" s="37">
        <v>16</v>
      </c>
      <c r="C48" s="298" t="s">
        <v>129</v>
      </c>
      <c r="D48" s="96"/>
      <c r="E48" s="96"/>
      <c r="F48" s="96"/>
      <c r="G48" s="96"/>
      <c r="H48" s="299"/>
      <c r="I48" s="45" t="s">
        <v>21</v>
      </c>
      <c r="J48" s="302" t="s">
        <v>126</v>
      </c>
      <c r="K48" s="47" t="s">
        <v>21</v>
      </c>
      <c r="L48" s="302" t="s">
        <v>127</v>
      </c>
      <c r="M48" s="302"/>
      <c r="N48" s="47" t="s">
        <v>21</v>
      </c>
      <c r="O48" s="302" t="s">
        <v>128</v>
      </c>
      <c r="P48" s="303"/>
      <c r="Q48" s="301"/>
      <c r="R48" s="301"/>
      <c r="S48" s="301"/>
      <c r="T48" s="301"/>
      <c r="U48" s="301"/>
      <c r="V48" s="301"/>
      <c r="W48" s="301"/>
      <c r="X48" s="301"/>
      <c r="Y48" s="301"/>
      <c r="Z48" s="301"/>
      <c r="AA48" s="301"/>
      <c r="AB48" s="301"/>
      <c r="AC48" s="301"/>
      <c r="AD48" s="301"/>
      <c r="AE48" s="301"/>
      <c r="AF48" s="301"/>
      <c r="AG48" s="301"/>
      <c r="AH48" s="301"/>
      <c r="AI48" s="301"/>
      <c r="AJ48" s="301"/>
      <c r="AK48" s="301"/>
      <c r="AL48" s="42"/>
    </row>
    <row r="49" spans="2:38" ht="25.5" customHeight="1" thickBot="1" x14ac:dyDescent="0.6">
      <c r="B49" s="37">
        <v>17</v>
      </c>
      <c r="C49" s="285" t="s">
        <v>130</v>
      </c>
      <c r="D49" s="304"/>
      <c r="E49" s="304"/>
      <c r="F49" s="304"/>
      <c r="G49" s="304"/>
      <c r="H49" s="304"/>
      <c r="I49" s="305"/>
      <c r="J49" s="306"/>
      <c r="K49" s="307" t="s">
        <v>5</v>
      </c>
      <c r="L49" s="95"/>
      <c r="M49" s="95"/>
      <c r="N49" s="307" t="s">
        <v>6</v>
      </c>
      <c r="O49" s="95"/>
      <c r="P49" s="95"/>
      <c r="Q49" s="307" t="s">
        <v>7</v>
      </c>
      <c r="R49" s="308"/>
      <c r="S49" s="309" t="s">
        <v>107</v>
      </c>
      <c r="T49" s="309"/>
      <c r="U49" s="308"/>
      <c r="V49" s="306"/>
      <c r="W49" s="306"/>
      <c r="X49" s="307" t="s">
        <v>5</v>
      </c>
      <c r="Y49" s="95"/>
      <c r="Z49" s="95"/>
      <c r="AA49" s="307" t="s">
        <v>6</v>
      </c>
      <c r="AB49" s="95"/>
      <c r="AC49" s="95"/>
      <c r="AD49" s="307" t="s">
        <v>7</v>
      </c>
      <c r="AE49" s="309"/>
      <c r="AF49" s="309"/>
      <c r="AG49" s="309"/>
      <c r="AH49" s="310"/>
      <c r="AI49" s="310"/>
      <c r="AJ49" s="98"/>
      <c r="AK49" s="311"/>
    </row>
    <row r="50" spans="2:38" ht="25.5" customHeight="1" thickBot="1" x14ac:dyDescent="0.6">
      <c r="B50" s="37">
        <v>18</v>
      </c>
      <c r="C50" s="284" t="s">
        <v>131</v>
      </c>
      <c r="D50" s="285"/>
      <c r="E50" s="285"/>
      <c r="F50" s="285"/>
      <c r="G50" s="285"/>
      <c r="H50" s="285"/>
      <c r="I50" s="312"/>
      <c r="J50" s="313"/>
      <c r="K50" s="313"/>
      <c r="L50" s="313"/>
      <c r="M50" s="313"/>
      <c r="N50" s="313"/>
      <c r="O50" s="313"/>
      <c r="P50" s="313"/>
      <c r="Q50" s="313"/>
      <c r="R50" s="313"/>
      <c r="S50" s="313"/>
      <c r="T50" s="313"/>
      <c r="U50" s="313"/>
      <c r="V50" s="313"/>
      <c r="W50" s="313"/>
      <c r="X50" s="313"/>
      <c r="Y50" s="313"/>
      <c r="Z50" s="313"/>
      <c r="AA50" s="313"/>
      <c r="AB50" s="313"/>
      <c r="AC50" s="313"/>
      <c r="AD50" s="313"/>
      <c r="AE50" s="313"/>
      <c r="AF50" s="313"/>
      <c r="AG50" s="313"/>
      <c r="AH50" s="313"/>
      <c r="AI50" s="313"/>
      <c r="AJ50" s="313"/>
      <c r="AK50" s="313"/>
      <c r="AL50" s="42"/>
    </row>
    <row r="51" spans="2:38" ht="25.5" customHeight="1" thickBot="1" x14ac:dyDescent="0.6">
      <c r="B51" s="285">
        <v>19</v>
      </c>
      <c r="C51" s="284" t="s">
        <v>132</v>
      </c>
      <c r="D51" s="285"/>
      <c r="E51" s="285"/>
      <c r="F51" s="285"/>
      <c r="G51" s="285"/>
      <c r="H51" s="285"/>
      <c r="I51" s="314" t="s">
        <v>133</v>
      </c>
      <c r="J51" s="315"/>
      <c r="K51" s="315"/>
      <c r="L51" s="315"/>
      <c r="M51" s="315"/>
      <c r="N51" s="316"/>
      <c r="O51" s="48" t="s">
        <v>134</v>
      </c>
      <c r="P51" s="317"/>
      <c r="Q51" s="317"/>
      <c r="R51" s="317"/>
      <c r="S51" s="317"/>
      <c r="T51" s="317"/>
      <c r="U51" s="317"/>
      <c r="V51" s="317"/>
      <c r="W51" s="318" t="s">
        <v>135</v>
      </c>
      <c r="X51" s="317"/>
      <c r="Y51" s="317"/>
      <c r="Z51" s="317"/>
      <c r="AA51" s="317"/>
      <c r="AB51" s="317"/>
      <c r="AC51" s="319" t="s">
        <v>21</v>
      </c>
      <c r="AD51" s="320" t="s">
        <v>136</v>
      </c>
      <c r="AE51" s="320"/>
      <c r="AF51" s="321" t="s">
        <v>21</v>
      </c>
      <c r="AG51" s="321" t="s">
        <v>137</v>
      </c>
      <c r="AH51" s="320"/>
      <c r="AI51" s="320"/>
      <c r="AJ51" s="320"/>
      <c r="AK51" s="320"/>
      <c r="AL51" s="42"/>
    </row>
    <row r="52" spans="2:38" ht="25.5" customHeight="1" thickBot="1" x14ac:dyDescent="0.6">
      <c r="B52" s="322"/>
      <c r="C52" s="322"/>
      <c r="D52" s="322"/>
      <c r="E52" s="322"/>
      <c r="F52" s="322"/>
      <c r="G52" s="322"/>
      <c r="H52" s="322"/>
      <c r="I52" s="323"/>
      <c r="J52" s="324"/>
      <c r="K52" s="324"/>
      <c r="L52" s="324"/>
      <c r="M52" s="324"/>
      <c r="N52" s="325"/>
      <c r="O52" s="326"/>
      <c r="P52" s="327"/>
      <c r="Q52" s="328" t="s">
        <v>5</v>
      </c>
      <c r="R52" s="329"/>
      <c r="S52" s="328" t="s">
        <v>6</v>
      </c>
      <c r="T52" s="330"/>
      <c r="U52" s="331"/>
      <c r="V52" s="332" t="s">
        <v>7</v>
      </c>
      <c r="W52" s="333"/>
      <c r="X52" s="334"/>
      <c r="Y52" s="334"/>
      <c r="Z52" s="334"/>
      <c r="AA52" s="334"/>
      <c r="AB52" s="334"/>
      <c r="AC52" s="335"/>
      <c r="AD52" s="336"/>
      <c r="AE52" s="336"/>
      <c r="AF52" s="336"/>
      <c r="AG52" s="336"/>
      <c r="AH52" s="336"/>
      <c r="AI52" s="336"/>
      <c r="AJ52" s="336"/>
      <c r="AK52" s="336"/>
      <c r="AL52" s="337"/>
    </row>
    <row r="53" spans="2:38" ht="25.5" customHeight="1" thickBot="1" x14ac:dyDescent="0.6">
      <c r="B53" s="322"/>
      <c r="C53" s="322"/>
      <c r="D53" s="322"/>
      <c r="E53" s="322"/>
      <c r="F53" s="322"/>
      <c r="G53" s="322"/>
      <c r="H53" s="322"/>
      <c r="I53" s="43" t="s">
        <v>138</v>
      </c>
      <c r="J53" s="338"/>
      <c r="K53" s="338"/>
      <c r="L53" s="338"/>
      <c r="M53" s="338"/>
      <c r="N53" s="338"/>
      <c r="O53" s="43" t="s">
        <v>134</v>
      </c>
      <c r="P53" s="339"/>
      <c r="Q53" s="339"/>
      <c r="R53" s="339"/>
      <c r="S53" s="339"/>
      <c r="T53" s="339"/>
      <c r="U53" s="339"/>
      <c r="V53" s="339"/>
      <c r="W53" s="338" t="s">
        <v>135</v>
      </c>
      <c r="X53" s="339"/>
      <c r="Y53" s="339"/>
      <c r="Z53" s="339"/>
      <c r="AA53" s="339"/>
      <c r="AB53" s="339"/>
      <c r="AC53" s="319" t="s">
        <v>21</v>
      </c>
      <c r="AD53" s="320" t="s">
        <v>136</v>
      </c>
      <c r="AE53" s="320"/>
      <c r="AF53" s="321" t="s">
        <v>21</v>
      </c>
      <c r="AG53" s="321" t="s">
        <v>137</v>
      </c>
      <c r="AH53" s="320"/>
      <c r="AI53" s="320"/>
      <c r="AJ53" s="320"/>
      <c r="AK53" s="320"/>
      <c r="AL53" s="42"/>
    </row>
    <row r="54" spans="2:38" ht="25.5" customHeight="1" thickBot="1" x14ac:dyDescent="0.6">
      <c r="B54" s="322"/>
      <c r="C54" s="322"/>
      <c r="D54" s="322"/>
      <c r="E54" s="322"/>
      <c r="F54" s="322"/>
      <c r="G54" s="322"/>
      <c r="H54" s="322"/>
      <c r="I54" s="323"/>
      <c r="J54" s="333"/>
      <c r="K54" s="333"/>
      <c r="L54" s="333"/>
      <c r="M54" s="333"/>
      <c r="N54" s="333"/>
      <c r="O54" s="326"/>
      <c r="P54" s="327"/>
      <c r="Q54" s="328" t="s">
        <v>5</v>
      </c>
      <c r="R54" s="329"/>
      <c r="S54" s="328" t="s">
        <v>6</v>
      </c>
      <c r="T54" s="330"/>
      <c r="U54" s="331"/>
      <c r="V54" s="332" t="s">
        <v>7</v>
      </c>
      <c r="W54" s="333"/>
      <c r="X54" s="334"/>
      <c r="Y54" s="334"/>
      <c r="Z54" s="334"/>
      <c r="AA54" s="334"/>
      <c r="AB54" s="334"/>
      <c r="AC54" s="335"/>
      <c r="AD54" s="336"/>
      <c r="AE54" s="336"/>
      <c r="AF54" s="336"/>
      <c r="AG54" s="336"/>
      <c r="AH54" s="336"/>
      <c r="AI54" s="336"/>
      <c r="AJ54" s="336"/>
      <c r="AK54" s="336"/>
      <c r="AL54" s="42"/>
    </row>
    <row r="55" spans="2:38" ht="25.5" customHeight="1" thickBot="1" x14ac:dyDescent="0.6">
      <c r="B55" s="322"/>
      <c r="C55" s="322"/>
      <c r="D55" s="322"/>
      <c r="E55" s="322"/>
      <c r="F55" s="322"/>
      <c r="G55" s="322"/>
      <c r="H55" s="322"/>
      <c r="I55" s="43" t="s">
        <v>138</v>
      </c>
      <c r="J55" s="338"/>
      <c r="K55" s="338"/>
      <c r="L55" s="338"/>
      <c r="M55" s="338"/>
      <c r="N55" s="338"/>
      <c r="O55" s="43" t="s">
        <v>134</v>
      </c>
      <c r="P55" s="339"/>
      <c r="Q55" s="339"/>
      <c r="R55" s="339"/>
      <c r="S55" s="339"/>
      <c r="T55" s="339"/>
      <c r="U55" s="339"/>
      <c r="V55" s="339"/>
      <c r="W55" s="338" t="s">
        <v>135</v>
      </c>
      <c r="X55" s="339"/>
      <c r="Y55" s="339"/>
      <c r="Z55" s="339"/>
      <c r="AA55" s="339"/>
      <c r="AB55" s="339"/>
      <c r="AC55" s="319" t="s">
        <v>21</v>
      </c>
      <c r="AD55" s="320" t="s">
        <v>136</v>
      </c>
      <c r="AE55" s="320"/>
      <c r="AF55" s="321" t="s">
        <v>21</v>
      </c>
      <c r="AG55" s="321" t="s">
        <v>137</v>
      </c>
      <c r="AH55" s="320"/>
      <c r="AI55" s="320"/>
      <c r="AJ55" s="320"/>
      <c r="AK55" s="320"/>
      <c r="AL55" s="42"/>
    </row>
    <row r="56" spans="2:38" ht="25.5" customHeight="1" thickBot="1" x14ac:dyDescent="0.6">
      <c r="B56" s="322"/>
      <c r="C56" s="322"/>
      <c r="D56" s="322"/>
      <c r="E56" s="322"/>
      <c r="F56" s="322"/>
      <c r="G56" s="322"/>
      <c r="H56" s="322"/>
      <c r="I56" s="323"/>
      <c r="J56" s="333"/>
      <c r="K56" s="333"/>
      <c r="L56" s="333"/>
      <c r="M56" s="333"/>
      <c r="N56" s="333"/>
      <c r="O56" s="326"/>
      <c r="P56" s="327"/>
      <c r="Q56" s="328" t="s">
        <v>5</v>
      </c>
      <c r="R56" s="329"/>
      <c r="S56" s="328" t="s">
        <v>6</v>
      </c>
      <c r="T56" s="330"/>
      <c r="U56" s="331"/>
      <c r="V56" s="332" t="s">
        <v>7</v>
      </c>
      <c r="W56" s="333"/>
      <c r="X56" s="334"/>
      <c r="Y56" s="334"/>
      <c r="Z56" s="334"/>
      <c r="AA56" s="334"/>
      <c r="AB56" s="334"/>
      <c r="AC56" s="335"/>
      <c r="AD56" s="336"/>
      <c r="AE56" s="336"/>
      <c r="AF56" s="336"/>
      <c r="AG56" s="336"/>
      <c r="AH56" s="336"/>
      <c r="AI56" s="336"/>
      <c r="AJ56" s="336"/>
      <c r="AK56" s="336"/>
      <c r="AL56" s="42"/>
    </row>
    <row r="57" spans="2:38" ht="25.5" customHeight="1" x14ac:dyDescent="0.55000000000000004">
      <c r="B57" s="340"/>
      <c r="I57" s="341"/>
      <c r="J57" s="341"/>
      <c r="K57" s="341"/>
      <c r="L57" s="341"/>
      <c r="M57" s="341"/>
      <c r="N57" s="341"/>
      <c r="O57" s="341"/>
      <c r="P57" s="341"/>
      <c r="Q57" s="341"/>
      <c r="R57" s="341"/>
      <c r="S57" s="341"/>
      <c r="T57" s="341"/>
      <c r="U57" s="341"/>
      <c r="V57" s="341"/>
      <c r="W57" s="341"/>
      <c r="X57" s="341"/>
      <c r="Y57" s="341"/>
      <c r="Z57" s="341"/>
      <c r="AA57" s="341"/>
      <c r="AB57" s="341"/>
      <c r="AC57" s="341"/>
      <c r="AD57" s="341"/>
      <c r="AE57" s="341"/>
      <c r="AF57" s="341"/>
      <c r="AG57" s="341"/>
      <c r="AH57" s="341"/>
      <c r="AI57" s="341"/>
      <c r="AJ57" s="341"/>
      <c r="AK57" s="341"/>
    </row>
    <row r="58" spans="2:38" ht="25.5" customHeight="1" x14ac:dyDescent="0.55000000000000004">
      <c r="B58" s="342"/>
      <c r="I58" s="341"/>
      <c r="J58" s="341"/>
      <c r="K58" s="341"/>
      <c r="L58" s="341"/>
      <c r="M58" s="341"/>
      <c r="N58" s="341"/>
      <c r="O58" s="341"/>
      <c r="P58" s="341"/>
      <c r="Q58" s="341"/>
      <c r="R58" s="341"/>
      <c r="S58" s="341"/>
      <c r="T58" s="341"/>
      <c r="U58" s="341"/>
      <c r="V58" s="341"/>
      <c r="W58" s="341"/>
      <c r="X58" s="341"/>
      <c r="Y58" s="341"/>
      <c r="Z58" s="341"/>
      <c r="AA58" s="341"/>
      <c r="AB58" s="341"/>
      <c r="AC58" s="341"/>
      <c r="AD58" s="341"/>
      <c r="AE58" s="341"/>
      <c r="AF58" s="341"/>
      <c r="AG58" s="341"/>
      <c r="AH58" s="341"/>
      <c r="AI58" s="341"/>
      <c r="AJ58" s="341"/>
      <c r="AK58" s="341"/>
    </row>
    <row r="59" spans="2:38" x14ac:dyDescent="0.55000000000000004">
      <c r="B59" s="343"/>
      <c r="C59" s="343"/>
      <c r="D59" s="343"/>
      <c r="E59" s="343"/>
      <c r="F59" s="343"/>
      <c r="G59" s="343"/>
      <c r="H59" s="343"/>
      <c r="I59" s="343"/>
      <c r="J59" s="343"/>
      <c r="K59" s="343"/>
      <c r="L59" s="343"/>
      <c r="M59" s="343"/>
      <c r="N59" s="343"/>
      <c r="O59" s="343"/>
      <c r="P59" s="343"/>
      <c r="Q59" s="343"/>
      <c r="R59" s="343"/>
      <c r="S59" s="343"/>
      <c r="T59" s="343"/>
      <c r="U59" s="343"/>
      <c r="V59" s="343"/>
      <c r="W59" s="343"/>
      <c r="X59" s="343"/>
      <c r="Y59" s="343"/>
      <c r="Z59" s="343"/>
      <c r="AA59" s="343"/>
      <c r="AB59" s="343"/>
      <c r="AC59" s="343"/>
      <c r="AD59" s="343"/>
      <c r="AE59" s="343"/>
      <c r="AF59" s="343"/>
      <c r="AG59" s="343"/>
      <c r="AH59" s="343"/>
      <c r="AI59" s="343"/>
      <c r="AJ59" s="343"/>
      <c r="AK59" s="343"/>
    </row>
  </sheetData>
  <mergeCells count="236">
    <mergeCell ref="B59:AK59"/>
    <mergeCell ref="AF55:AF56"/>
    <mergeCell ref="AG55:AK56"/>
    <mergeCell ref="I56:N56"/>
    <mergeCell ref="O56:P56"/>
    <mergeCell ref="T56:U56"/>
    <mergeCell ref="W56:AB56"/>
    <mergeCell ref="AG53:AK54"/>
    <mergeCell ref="I54:N54"/>
    <mergeCell ref="O54:P54"/>
    <mergeCell ref="T54:U54"/>
    <mergeCell ref="W54:AB54"/>
    <mergeCell ref="I55:N55"/>
    <mergeCell ref="O55:V55"/>
    <mergeCell ref="W55:AB55"/>
    <mergeCell ref="AC55:AC56"/>
    <mergeCell ref="AD55:AE56"/>
    <mergeCell ref="I53:N53"/>
    <mergeCell ref="O53:V53"/>
    <mergeCell ref="W53:AB53"/>
    <mergeCell ref="AC53:AC54"/>
    <mergeCell ref="AD53:AE54"/>
    <mergeCell ref="AF53:AF54"/>
    <mergeCell ref="AF51:AF52"/>
    <mergeCell ref="AG51:AK52"/>
    <mergeCell ref="I52:N52"/>
    <mergeCell ref="O52:P52"/>
    <mergeCell ref="T52:U52"/>
    <mergeCell ref="W52:AB52"/>
    <mergeCell ref="AE49:AG49"/>
    <mergeCell ref="C50:H50"/>
    <mergeCell ref="I50:AK50"/>
    <mergeCell ref="B51:B56"/>
    <mergeCell ref="C51:H56"/>
    <mergeCell ref="I51:N51"/>
    <mergeCell ref="O51:V51"/>
    <mergeCell ref="W51:AB51"/>
    <mergeCell ref="AC51:AC52"/>
    <mergeCell ref="AD51:AE52"/>
    <mergeCell ref="L49:M49"/>
    <mergeCell ref="O49:P49"/>
    <mergeCell ref="S49:T49"/>
    <mergeCell ref="V49:W49"/>
    <mergeCell ref="Y49:Z49"/>
    <mergeCell ref="AB49:AC49"/>
    <mergeCell ref="C45:H45"/>
    <mergeCell ref="C46:H46"/>
    <mergeCell ref="C47:H47"/>
    <mergeCell ref="C48:H48"/>
    <mergeCell ref="C49:H49"/>
    <mergeCell ref="I49:J49"/>
    <mergeCell ref="I44:L44"/>
    <mergeCell ref="M44:N44"/>
    <mergeCell ref="P44:Q44"/>
    <mergeCell ref="T44:U44"/>
    <mergeCell ref="W44:X44"/>
    <mergeCell ref="AC44:AD44"/>
    <mergeCell ref="C42:H42"/>
    <mergeCell ref="P42:Q42"/>
    <mergeCell ref="S42:T42"/>
    <mergeCell ref="V42:W42"/>
    <mergeCell ref="Y42:AK42"/>
    <mergeCell ref="B43:B44"/>
    <mergeCell ref="C43:H44"/>
    <mergeCell ref="R43:S43"/>
    <mergeCell ref="T43:U43"/>
    <mergeCell ref="AB43:AC43"/>
    <mergeCell ref="B40:B41"/>
    <mergeCell ref="C40:H41"/>
    <mergeCell ref="R40:S40"/>
    <mergeCell ref="AD40:AJ40"/>
    <mergeCell ref="I41:J41"/>
    <mergeCell ref="K41:L41"/>
    <mergeCell ref="S41:T41"/>
    <mergeCell ref="X37:Y37"/>
    <mergeCell ref="AA37:AB37"/>
    <mergeCell ref="AD37:AE37"/>
    <mergeCell ref="AG37:AK37"/>
    <mergeCell ref="B38:B39"/>
    <mergeCell ref="C38:H39"/>
    <mergeCell ref="I39:J39"/>
    <mergeCell ref="K39:L39"/>
    <mergeCell ref="S39:T39"/>
    <mergeCell ref="AE35:AF35"/>
    <mergeCell ref="AG35:AI35"/>
    <mergeCell ref="AJ35:AK35"/>
    <mergeCell ref="B36:B37"/>
    <mergeCell ref="C36:H37"/>
    <mergeCell ref="I37:J37"/>
    <mergeCell ref="K37:L37"/>
    <mergeCell ref="N37:O37"/>
    <mergeCell ref="Q37:R37"/>
    <mergeCell ref="U37:V37"/>
    <mergeCell ref="R35:S35"/>
    <mergeCell ref="T35:U35"/>
    <mergeCell ref="V35:W35"/>
    <mergeCell ref="X35:Z35"/>
    <mergeCell ref="AA35:AB35"/>
    <mergeCell ref="AC35:AD35"/>
    <mergeCell ref="T34:U34"/>
    <mergeCell ref="W34:X34"/>
    <mergeCell ref="AA34:AB34"/>
    <mergeCell ref="AC34:AD34"/>
    <mergeCell ref="AF34:AG34"/>
    <mergeCell ref="AI34:AK34"/>
    <mergeCell ref="B34:B35"/>
    <mergeCell ref="C34:H35"/>
    <mergeCell ref="I34:J34"/>
    <mergeCell ref="K34:L34"/>
    <mergeCell ref="N34:O34"/>
    <mergeCell ref="R34:S34"/>
    <mergeCell ref="I35:J35"/>
    <mergeCell ref="K35:L35"/>
    <mergeCell ref="M35:N35"/>
    <mergeCell ref="O35:Q35"/>
    <mergeCell ref="U32:V32"/>
    <mergeCell ref="W32:AK32"/>
    <mergeCell ref="I33:L33"/>
    <mergeCell ref="M33:N33"/>
    <mergeCell ref="P33:Q33"/>
    <mergeCell ref="T33:U33"/>
    <mergeCell ref="W33:X33"/>
    <mergeCell ref="AC33:AD33"/>
    <mergeCell ref="AF30:AI30"/>
    <mergeCell ref="C31:H33"/>
    <mergeCell ref="I31:L31"/>
    <mergeCell ref="S31:T31"/>
    <mergeCell ref="U31:V31"/>
    <mergeCell ref="W31:X31"/>
    <mergeCell ref="AC31:AD31"/>
    <mergeCell ref="AF31:AI31"/>
    <mergeCell ref="I32:L32"/>
    <mergeCell ref="S32:T32"/>
    <mergeCell ref="I30:J30"/>
    <mergeCell ref="K30:L30"/>
    <mergeCell ref="N30:O30"/>
    <mergeCell ref="T30:U30"/>
    <mergeCell ref="W30:X30"/>
    <mergeCell ref="AC30:AD30"/>
    <mergeCell ref="AF28:AI28"/>
    <mergeCell ref="I29:J29"/>
    <mergeCell ref="K29:L29"/>
    <mergeCell ref="N29:O29"/>
    <mergeCell ref="T29:U29"/>
    <mergeCell ref="W29:X29"/>
    <mergeCell ref="AC29:AD29"/>
    <mergeCell ref="AF29:AI29"/>
    <mergeCell ref="I28:J28"/>
    <mergeCell ref="K28:L28"/>
    <mergeCell ref="N28:O28"/>
    <mergeCell ref="T28:U28"/>
    <mergeCell ref="W28:X28"/>
    <mergeCell ref="AC28:AD28"/>
    <mergeCell ref="AJ25:AK26"/>
    <mergeCell ref="P26:R26"/>
    <mergeCell ref="I27:N27"/>
    <mergeCell ref="O27:P27"/>
    <mergeCell ref="Q27:S27"/>
    <mergeCell ref="U27:Z27"/>
    <mergeCell ref="AA27:AB27"/>
    <mergeCell ref="AC27:AE27"/>
    <mergeCell ref="AG27:AI27"/>
    <mergeCell ref="Y25:Z26"/>
    <mergeCell ref="AA25:AB26"/>
    <mergeCell ref="AC25:AC26"/>
    <mergeCell ref="AD25:AF26"/>
    <mergeCell ref="AG25:AH26"/>
    <mergeCell ref="AI25:AI26"/>
    <mergeCell ref="M22:AK22"/>
    <mergeCell ref="B23:B24"/>
    <mergeCell ref="C23:H24"/>
    <mergeCell ref="AD24:AJ24"/>
    <mergeCell ref="B25:B33"/>
    <mergeCell ref="C25:H30"/>
    <mergeCell ref="P25:R25"/>
    <mergeCell ref="S25:T26"/>
    <mergeCell ref="U25:V26"/>
    <mergeCell ref="W25:X26"/>
    <mergeCell ref="AD19:AF19"/>
    <mergeCell ref="C20:H20"/>
    <mergeCell ref="M20:S20"/>
    <mergeCell ref="T20:U20"/>
    <mergeCell ref="AB20:AC20"/>
    <mergeCell ref="B21:B22"/>
    <mergeCell ref="C21:H22"/>
    <mergeCell ref="I21:L21"/>
    <mergeCell ref="M21:AK21"/>
    <mergeCell ref="I22:L22"/>
    <mergeCell ref="B18:B19"/>
    <mergeCell ref="C18:H18"/>
    <mergeCell ref="I18:Z18"/>
    <mergeCell ref="C19:H19"/>
    <mergeCell ref="I19:Z19"/>
    <mergeCell ref="AA19:AC19"/>
    <mergeCell ref="AD9:AG9"/>
    <mergeCell ref="AI9:AK9"/>
    <mergeCell ref="V10:AK10"/>
    <mergeCell ref="C13:H13"/>
    <mergeCell ref="I13:AK13"/>
    <mergeCell ref="B14:B17"/>
    <mergeCell ref="C14:H17"/>
    <mergeCell ref="Z17:AH17"/>
    <mergeCell ref="B9:E9"/>
    <mergeCell ref="F9:G9"/>
    <mergeCell ref="I9:K9"/>
    <mergeCell ref="M9:O9"/>
    <mergeCell ref="V9:Y9"/>
    <mergeCell ref="Z9:AB9"/>
    <mergeCell ref="V7:X7"/>
    <mergeCell ref="Z7:AB7"/>
    <mergeCell ref="AD7:AG7"/>
    <mergeCell ref="AI7:AK7"/>
    <mergeCell ref="B8:E8"/>
    <mergeCell ref="F8:O8"/>
    <mergeCell ref="V8:Y8"/>
    <mergeCell ref="Z8:AK8"/>
    <mergeCell ref="V5:Y5"/>
    <mergeCell ref="Z5:AK5"/>
    <mergeCell ref="B6:O6"/>
    <mergeCell ref="V6:Y6"/>
    <mergeCell ref="Z6:AK6"/>
    <mergeCell ref="B7:D7"/>
    <mergeCell ref="E7:F7"/>
    <mergeCell ref="G7:H7"/>
    <mergeCell ref="J7:K7"/>
    <mergeCell ref="M7:N7"/>
    <mergeCell ref="B1:AJ1"/>
    <mergeCell ref="B2:I2"/>
    <mergeCell ref="K2:AK2"/>
    <mergeCell ref="B3:U5"/>
    <mergeCell ref="Y3:Z3"/>
    <mergeCell ref="AA3:AD3"/>
    <mergeCell ref="AF3:AG3"/>
    <mergeCell ref="AI3:AJ3"/>
    <mergeCell ref="V4:Y4"/>
    <mergeCell ref="Z4:AK4"/>
  </mergeCells>
  <phoneticPr fontId="4"/>
  <dataValidations count="4">
    <dataValidation operator="greaterThanOrEqual" allowBlank="1" showInputMessage="1" showErrorMessage="1" sqref="Z7:AA7" xr:uid="{05458C40-22EF-4503-9AB9-9193825D6541}"/>
    <dataValidation imeMode="halfAlpha" allowBlank="1" showInputMessage="1" showErrorMessage="1" sqref="R32 O32" xr:uid="{CC84E92B-555B-4986-9E5C-192133F029EA}"/>
    <dataValidation type="list" allowBlank="1" showInputMessage="1" showErrorMessage="1" sqref="AA43 AA33:AB33" xr:uid="{9CB1BA1A-B317-4D1F-B6F3-FE7BFA4CDA5D}">
      <formula1>"01,02,03,04,05,06,07,08,09,10,11,12,13,14,15,16,17,18,19,20,21,22,23,24,25,26,27,28,29,30,31"</formula1>
    </dataValidation>
    <dataValidation type="custom" operator="lessThanOrEqual" allowBlank="1" showInputMessage="1" showErrorMessage="1" sqref="M35:N35 V35:W35 AE35:AF35 AC28:AD31 AC33:AD33" xr:uid="{4682EAAF-5E70-4C32-B69F-9B14FC693E80}">
      <formula1>744</formula1>
    </dataValidation>
  </dataValidations>
  <hyperlinks>
    <hyperlink ref="C14:H17" location="記入要綱!A1" display="業種" xr:uid="{655690B8-4140-481E-B315-58D75CF93523}"/>
  </hyperlinks>
  <printOptions horizontalCentered="1" verticalCentered="1"/>
  <pageMargins left="0.23622047244094491" right="0.23622047244094491" top="0.31" bottom="0.17" header="0.24" footer="0.11"/>
  <pageSetup paperSize="9" scale="56" orientation="portrait" r:id="rId1"/>
  <rowBreaks count="1" manualBreakCount="1">
    <brk id="56" min="1" max="36"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B85577D-C01A-457E-8A13-381C93DA1B01}">
  <sheetPr>
    <tabColor rgb="FFFFFF00"/>
    <pageSetUpPr fitToPage="1"/>
  </sheetPr>
  <dimension ref="B1:AL59"/>
  <sheetViews>
    <sheetView topLeftCell="B1" workbookViewId="0">
      <selection activeCell="K2" sqref="K2:AK2"/>
    </sheetView>
  </sheetViews>
  <sheetFormatPr defaultRowHeight="18" x14ac:dyDescent="0.55000000000000004"/>
  <cols>
    <col min="1" max="1" width="0" hidden="1" customWidth="1"/>
    <col min="2" max="2" width="4.6640625" customWidth="1"/>
    <col min="3" max="7" width="4.08203125" customWidth="1"/>
    <col min="8" max="8" width="6.4140625" customWidth="1"/>
    <col min="9" max="9" width="4.08203125" customWidth="1"/>
    <col min="10" max="10" width="5" customWidth="1"/>
    <col min="11" max="11" width="4.08203125" customWidth="1"/>
    <col min="12" max="12" width="5.75" customWidth="1"/>
    <col min="13" max="15" width="4.08203125" customWidth="1"/>
    <col min="16" max="16" width="5.4140625" customWidth="1"/>
    <col min="17" max="21" width="4.08203125" customWidth="1"/>
    <col min="22" max="22" width="6.08203125" customWidth="1"/>
    <col min="23" max="25" width="4.08203125" customWidth="1"/>
    <col min="26" max="27" width="4.25" customWidth="1"/>
    <col min="28" max="36" width="4.08203125" customWidth="1"/>
    <col min="37" max="37" width="6.83203125" customWidth="1"/>
    <col min="38" max="38" width="2.75" customWidth="1"/>
  </cols>
  <sheetData>
    <row r="1" spans="2:38" ht="25.5" customHeight="1" x14ac:dyDescent="0.55000000000000004">
      <c r="B1" s="1" t="s">
        <v>0</v>
      </c>
      <c r="C1" s="1"/>
      <c r="D1" s="1"/>
      <c r="E1" s="1"/>
      <c r="F1" s="1"/>
      <c r="G1" s="1"/>
      <c r="H1" s="1"/>
      <c r="I1" s="1"/>
      <c r="J1" s="1"/>
      <c r="K1" s="1"/>
      <c r="L1" s="1"/>
      <c r="M1" s="1"/>
      <c r="N1" s="1"/>
      <c r="O1" s="1"/>
      <c r="P1" s="1"/>
      <c r="Q1" s="1"/>
      <c r="R1" s="1"/>
      <c r="S1" s="1"/>
      <c r="T1" s="1"/>
      <c r="U1" s="1"/>
      <c r="V1" s="1"/>
      <c r="W1" s="1"/>
      <c r="X1" s="1"/>
      <c r="Y1" s="1"/>
      <c r="Z1" s="1"/>
      <c r="AA1" s="1"/>
      <c r="AB1" s="1"/>
      <c r="AC1" s="1"/>
      <c r="AD1" s="1"/>
      <c r="AE1" s="1"/>
      <c r="AF1" s="1"/>
      <c r="AG1" s="1"/>
      <c r="AH1" s="1"/>
      <c r="AI1" s="1"/>
      <c r="AJ1" s="1"/>
      <c r="AK1" s="2"/>
    </row>
    <row r="2" spans="2:38" ht="25.5" customHeight="1" x14ac:dyDescent="0.55000000000000004">
      <c r="B2" s="3" t="s">
        <v>139</v>
      </c>
      <c r="C2" s="3"/>
      <c r="D2" s="3"/>
      <c r="E2" s="3"/>
      <c r="F2" s="3"/>
      <c r="G2" s="3"/>
      <c r="H2" s="3"/>
      <c r="I2" s="3"/>
      <c r="J2" s="4" t="s">
        <v>2</v>
      </c>
      <c r="K2" s="5"/>
      <c r="L2" s="5"/>
      <c r="M2" s="5"/>
      <c r="N2" s="5"/>
      <c r="O2" s="5"/>
      <c r="P2" s="5"/>
      <c r="Q2" s="5"/>
      <c r="R2" s="5"/>
      <c r="S2" s="5"/>
      <c r="T2" s="5"/>
      <c r="U2" s="5"/>
      <c r="V2" s="5"/>
      <c r="W2" s="5"/>
      <c r="X2" s="5"/>
      <c r="Y2" s="5"/>
      <c r="Z2" s="5"/>
      <c r="AA2" s="5"/>
      <c r="AB2" s="5"/>
      <c r="AC2" s="5"/>
      <c r="AD2" s="5"/>
      <c r="AE2" s="5"/>
      <c r="AF2" s="5"/>
      <c r="AG2" s="5"/>
      <c r="AH2" s="5"/>
      <c r="AI2" s="5"/>
      <c r="AJ2" s="5"/>
      <c r="AK2" s="5"/>
    </row>
    <row r="3" spans="2:38" ht="25.5" customHeight="1" x14ac:dyDescent="0.55000000000000004">
      <c r="B3" s="6"/>
      <c r="C3" s="6"/>
      <c r="D3" s="6"/>
      <c r="E3" s="6"/>
      <c r="F3" s="6"/>
      <c r="G3" s="6"/>
      <c r="H3" s="6"/>
      <c r="I3" s="6"/>
      <c r="J3" s="6"/>
      <c r="K3" s="6"/>
      <c r="L3" s="6"/>
      <c r="M3" s="6"/>
      <c r="N3" s="6"/>
      <c r="O3" s="6"/>
      <c r="P3" s="6"/>
      <c r="Q3" s="6"/>
      <c r="R3" s="6"/>
      <c r="S3" s="6"/>
      <c r="T3" s="6"/>
      <c r="U3" s="6"/>
      <c r="V3" s="7" t="s">
        <v>3</v>
      </c>
      <c r="W3" s="7"/>
      <c r="X3" s="7"/>
      <c r="Y3" s="8" t="s">
        <v>4</v>
      </c>
      <c r="Z3" s="9"/>
      <c r="AA3" s="10"/>
      <c r="AB3" s="10"/>
      <c r="AC3" s="11"/>
      <c r="AD3" s="11"/>
      <c r="AE3" s="12" t="s">
        <v>5</v>
      </c>
      <c r="AF3" s="10"/>
      <c r="AG3" s="10"/>
      <c r="AH3" s="12" t="s">
        <v>6</v>
      </c>
      <c r="AI3" s="10"/>
      <c r="AJ3" s="10"/>
      <c r="AK3" s="13" t="s">
        <v>7</v>
      </c>
    </row>
    <row r="4" spans="2:38" ht="25.5" customHeight="1" x14ac:dyDescent="0.55000000000000004">
      <c r="B4" s="6"/>
      <c r="C4" s="6"/>
      <c r="D4" s="6"/>
      <c r="E4" s="6"/>
      <c r="F4" s="6"/>
      <c r="G4" s="6"/>
      <c r="H4" s="6"/>
      <c r="I4" s="6"/>
      <c r="J4" s="6"/>
      <c r="K4" s="6"/>
      <c r="L4" s="6"/>
      <c r="M4" s="6"/>
      <c r="N4" s="6"/>
      <c r="O4" s="6"/>
      <c r="P4" s="6"/>
      <c r="Q4" s="6"/>
      <c r="R4" s="6"/>
      <c r="S4" s="6"/>
      <c r="T4" s="6"/>
      <c r="U4" s="6"/>
      <c r="V4" s="14" t="s">
        <v>8</v>
      </c>
      <c r="W4" s="14"/>
      <c r="X4" s="14"/>
      <c r="Y4" s="14"/>
      <c r="Z4" s="15"/>
      <c r="AA4" s="15"/>
      <c r="AB4" s="15"/>
      <c r="AC4" s="15"/>
      <c r="AD4" s="15"/>
      <c r="AE4" s="15"/>
      <c r="AF4" s="15"/>
      <c r="AG4" s="15"/>
      <c r="AH4" s="15"/>
      <c r="AI4" s="15"/>
      <c r="AJ4" s="15"/>
      <c r="AK4" s="15"/>
    </row>
    <row r="5" spans="2:38" ht="25.5" customHeight="1" x14ac:dyDescent="0.55000000000000004">
      <c r="B5" s="6"/>
      <c r="C5" s="6"/>
      <c r="D5" s="6"/>
      <c r="E5" s="6"/>
      <c r="F5" s="6"/>
      <c r="G5" s="6"/>
      <c r="H5" s="6"/>
      <c r="I5" s="6"/>
      <c r="J5" s="6"/>
      <c r="K5" s="6"/>
      <c r="L5" s="6"/>
      <c r="M5" s="6"/>
      <c r="N5" s="6"/>
      <c r="O5" s="6"/>
      <c r="P5" s="6"/>
      <c r="Q5" s="6"/>
      <c r="R5" s="6"/>
      <c r="S5" s="6"/>
      <c r="T5" s="6"/>
      <c r="U5" s="6"/>
      <c r="V5" s="14" t="s">
        <v>9</v>
      </c>
      <c r="W5" s="14"/>
      <c r="X5" s="14"/>
      <c r="Y5" s="14"/>
      <c r="Z5" s="15"/>
      <c r="AA5" s="15"/>
      <c r="AB5" s="15"/>
      <c r="AC5" s="15"/>
      <c r="AD5" s="15"/>
      <c r="AE5" s="15"/>
      <c r="AF5" s="15"/>
      <c r="AG5" s="15"/>
      <c r="AH5" s="15"/>
      <c r="AI5" s="15"/>
      <c r="AJ5" s="15"/>
      <c r="AK5" s="15"/>
    </row>
    <row r="6" spans="2:38" ht="25.5" customHeight="1" x14ac:dyDescent="0.55000000000000004">
      <c r="B6" s="16"/>
      <c r="C6" s="16"/>
      <c r="D6" s="16"/>
      <c r="E6" s="16"/>
      <c r="F6" s="16"/>
      <c r="G6" s="16"/>
      <c r="H6" s="16"/>
      <c r="I6" s="16"/>
      <c r="J6" s="16"/>
      <c r="K6" s="16"/>
      <c r="L6" s="16"/>
      <c r="M6" s="16"/>
      <c r="N6" s="16"/>
      <c r="O6" s="16"/>
      <c r="P6" s="17"/>
      <c r="Q6" s="17"/>
      <c r="R6" s="17"/>
      <c r="S6" s="17"/>
      <c r="T6" s="17"/>
      <c r="U6" s="17"/>
      <c r="V6" s="14" t="s">
        <v>10</v>
      </c>
      <c r="W6" s="14"/>
      <c r="X6" s="14"/>
      <c r="Y6" s="14"/>
      <c r="Z6" s="15"/>
      <c r="AA6" s="15"/>
      <c r="AB6" s="15"/>
      <c r="AC6" s="15"/>
      <c r="AD6" s="15"/>
      <c r="AE6" s="15"/>
      <c r="AF6" s="15"/>
      <c r="AG6" s="15"/>
      <c r="AH6" s="15"/>
      <c r="AI6" s="15"/>
      <c r="AJ6" s="15"/>
      <c r="AK6" s="15"/>
    </row>
    <row r="7" spans="2:38" ht="25.5" customHeight="1" x14ac:dyDescent="0.55000000000000004">
      <c r="B7" s="18"/>
      <c r="C7" s="18"/>
      <c r="D7" s="18"/>
      <c r="E7" s="19"/>
      <c r="F7" s="19"/>
      <c r="G7" s="20"/>
      <c r="H7" s="20"/>
      <c r="I7" s="21"/>
      <c r="J7" s="20"/>
      <c r="K7" s="20"/>
      <c r="L7" s="21"/>
      <c r="M7" s="20"/>
      <c r="N7" s="20"/>
      <c r="O7" s="21"/>
      <c r="P7" s="17"/>
      <c r="Q7" s="17"/>
      <c r="R7" s="17"/>
      <c r="S7" s="17"/>
      <c r="T7" s="17"/>
      <c r="U7" s="17"/>
      <c r="V7" s="14" t="s">
        <v>11</v>
      </c>
      <c r="W7" s="14"/>
      <c r="X7" s="14"/>
      <c r="Y7" s="22"/>
      <c r="Z7" s="23"/>
      <c r="AA7" s="23"/>
      <c r="AB7" s="24"/>
      <c r="AC7" s="25" t="s">
        <v>12</v>
      </c>
      <c r="AD7" s="26"/>
      <c r="AE7" s="27"/>
      <c r="AF7" s="27"/>
      <c r="AG7" s="27"/>
      <c r="AH7" s="25" t="s">
        <v>12</v>
      </c>
      <c r="AI7" s="23"/>
      <c r="AJ7" s="23"/>
      <c r="AK7" s="23"/>
    </row>
    <row r="8" spans="2:38" ht="25.5" customHeight="1" x14ac:dyDescent="0.55000000000000004">
      <c r="B8" s="28"/>
      <c r="C8" s="28"/>
      <c r="D8" s="28"/>
      <c r="E8" s="28"/>
      <c r="F8" s="28"/>
      <c r="G8" s="28"/>
      <c r="H8" s="28"/>
      <c r="I8" s="28"/>
      <c r="J8" s="28"/>
      <c r="K8" s="28"/>
      <c r="L8" s="28"/>
      <c r="M8" s="28"/>
      <c r="N8" s="28"/>
      <c r="O8" s="28"/>
      <c r="P8" s="17"/>
      <c r="Q8" s="17"/>
      <c r="R8" s="17"/>
      <c r="S8" s="17"/>
      <c r="T8" s="17"/>
      <c r="U8" s="17"/>
      <c r="V8" s="29" t="s">
        <v>13</v>
      </c>
      <c r="W8" s="29"/>
      <c r="X8" s="29"/>
      <c r="Y8" s="29"/>
      <c r="Z8" s="30"/>
      <c r="AA8" s="30"/>
      <c r="AB8" s="30"/>
      <c r="AC8" s="30"/>
      <c r="AD8" s="30"/>
      <c r="AE8" s="30"/>
      <c r="AF8" s="30"/>
      <c r="AG8" s="30"/>
      <c r="AH8" s="30"/>
      <c r="AI8" s="30"/>
      <c r="AJ8" s="30"/>
      <c r="AK8" s="30"/>
    </row>
    <row r="9" spans="2:38" ht="25.5" customHeight="1" x14ac:dyDescent="0.55000000000000004">
      <c r="B9" s="18"/>
      <c r="C9" s="18"/>
      <c r="D9" s="18"/>
      <c r="E9" s="18"/>
      <c r="F9" s="31"/>
      <c r="G9" s="31"/>
      <c r="H9" s="32"/>
      <c r="I9" s="31"/>
      <c r="J9" s="31"/>
      <c r="K9" s="31"/>
      <c r="L9" s="32"/>
      <c r="M9" s="31"/>
      <c r="N9" s="31"/>
      <c r="O9" s="31"/>
      <c r="P9" s="17"/>
      <c r="Q9" s="17"/>
      <c r="R9" s="17"/>
      <c r="S9" s="17"/>
      <c r="T9" s="17"/>
      <c r="U9" s="17"/>
      <c r="V9" s="14" t="s">
        <v>14</v>
      </c>
      <c r="W9" s="14"/>
      <c r="X9" s="14"/>
      <c r="Y9" s="14"/>
      <c r="Z9" s="23"/>
      <c r="AA9" s="23"/>
      <c r="AB9" s="24"/>
      <c r="AC9" s="25" t="s">
        <v>12</v>
      </c>
      <c r="AD9" s="26"/>
      <c r="AE9" s="24"/>
      <c r="AF9" s="24"/>
      <c r="AG9" s="24"/>
      <c r="AH9" s="25" t="s">
        <v>12</v>
      </c>
      <c r="AI9" s="23"/>
      <c r="AJ9" s="23"/>
      <c r="AK9" s="23"/>
    </row>
    <row r="10" spans="2:38" ht="25.5" customHeight="1" x14ac:dyDescent="0.55000000000000004">
      <c r="B10" s="33" t="s">
        <v>15</v>
      </c>
      <c r="C10" s="34"/>
      <c r="D10" s="34"/>
      <c r="E10" s="34"/>
      <c r="F10" s="34"/>
      <c r="G10" s="34"/>
      <c r="H10" s="34"/>
      <c r="I10" s="34"/>
      <c r="J10" s="34"/>
      <c r="K10" s="34"/>
      <c r="L10" s="34"/>
      <c r="M10" s="34"/>
      <c r="N10" s="34"/>
      <c r="O10" s="34"/>
      <c r="P10" s="17"/>
      <c r="Q10" s="17"/>
      <c r="R10" s="17"/>
      <c r="S10" s="17"/>
      <c r="T10" s="17"/>
      <c r="U10" s="17"/>
      <c r="V10" s="35"/>
      <c r="W10" s="35"/>
      <c r="X10" s="35"/>
      <c r="Y10" s="35"/>
      <c r="Z10" s="35"/>
      <c r="AA10" s="35"/>
      <c r="AB10" s="35"/>
      <c r="AC10" s="35"/>
      <c r="AD10" s="35"/>
      <c r="AE10" s="35"/>
      <c r="AF10" s="35"/>
      <c r="AG10" s="35"/>
      <c r="AH10" s="35"/>
      <c r="AI10" s="35"/>
      <c r="AJ10" s="35"/>
      <c r="AK10" s="35"/>
    </row>
    <row r="11" spans="2:38" ht="25.5" customHeight="1" x14ac:dyDescent="0.55000000000000004">
      <c r="B11" s="36" t="s">
        <v>16</v>
      </c>
      <c r="C11" s="34"/>
      <c r="D11" s="34"/>
      <c r="E11" s="34"/>
      <c r="F11" s="34"/>
      <c r="G11" s="34"/>
      <c r="H11" s="34"/>
      <c r="I11" s="34"/>
      <c r="J11" s="34"/>
      <c r="K11" s="34"/>
      <c r="L11" s="34"/>
      <c r="M11" s="34"/>
      <c r="N11" s="34"/>
      <c r="O11" s="34"/>
      <c r="P11" s="34"/>
      <c r="Q11" s="34"/>
      <c r="R11" s="34"/>
      <c r="S11" s="34"/>
      <c r="T11" s="34"/>
      <c r="U11" s="34"/>
      <c r="V11" s="34"/>
      <c r="W11" s="34"/>
      <c r="X11" s="34"/>
      <c r="Y11" s="34"/>
      <c r="Z11" s="34"/>
      <c r="AA11" s="34"/>
      <c r="AB11" s="34"/>
      <c r="AC11" s="34"/>
      <c r="AD11" s="34"/>
      <c r="AE11" s="34"/>
      <c r="AF11" s="34"/>
      <c r="AG11" s="34"/>
      <c r="AH11" s="34"/>
      <c r="AI11" s="34"/>
      <c r="AJ11" s="34"/>
      <c r="AK11" s="34"/>
    </row>
    <row r="12" spans="2:38" ht="25.5" customHeight="1" thickBot="1" x14ac:dyDescent="0.6">
      <c r="B12" s="33"/>
      <c r="C12" s="34"/>
      <c r="D12" s="34"/>
      <c r="E12" s="34"/>
      <c r="F12" s="34"/>
      <c r="G12" s="34"/>
      <c r="H12" s="34"/>
      <c r="I12" s="34"/>
      <c r="J12" s="34"/>
      <c r="K12" s="34"/>
      <c r="L12" s="34"/>
      <c r="M12" s="34"/>
      <c r="N12" s="34"/>
      <c r="O12" s="34"/>
      <c r="P12" s="34"/>
      <c r="Q12" s="34"/>
      <c r="R12" s="34"/>
      <c r="S12" s="34"/>
      <c r="T12" s="34"/>
      <c r="U12" s="34"/>
      <c r="V12" s="34"/>
      <c r="W12" s="34"/>
      <c r="X12" s="34"/>
      <c r="Y12" s="34"/>
      <c r="Z12" s="34"/>
      <c r="AA12" s="34"/>
      <c r="AB12" s="34"/>
      <c r="AC12" s="34"/>
      <c r="AD12" s="34"/>
      <c r="AE12" s="34"/>
      <c r="AF12" s="34"/>
      <c r="AG12" s="34"/>
      <c r="AH12" s="34"/>
      <c r="AI12" s="34"/>
      <c r="AJ12" s="34"/>
      <c r="AK12" s="34"/>
    </row>
    <row r="13" spans="2:38" ht="25.5" customHeight="1" thickBot="1" x14ac:dyDescent="0.6">
      <c r="B13" s="37" t="s">
        <v>17</v>
      </c>
      <c r="C13" s="38" t="s">
        <v>18</v>
      </c>
      <c r="D13" s="39"/>
      <c r="E13" s="39"/>
      <c r="F13" s="39"/>
      <c r="G13" s="39"/>
      <c r="H13" s="40"/>
      <c r="I13" s="38" t="s">
        <v>19</v>
      </c>
      <c r="J13" s="39"/>
      <c r="K13" s="39"/>
      <c r="L13" s="39"/>
      <c r="M13" s="39"/>
      <c r="N13" s="39"/>
      <c r="O13" s="39"/>
      <c r="P13" s="39"/>
      <c r="Q13" s="39"/>
      <c r="R13" s="39"/>
      <c r="S13" s="39"/>
      <c r="T13" s="39"/>
      <c r="U13" s="39"/>
      <c r="V13" s="39"/>
      <c r="W13" s="39"/>
      <c r="X13" s="39"/>
      <c r="Y13" s="39"/>
      <c r="Z13" s="39"/>
      <c r="AA13" s="39"/>
      <c r="AB13" s="39"/>
      <c r="AC13" s="39"/>
      <c r="AD13" s="39"/>
      <c r="AE13" s="39"/>
      <c r="AF13" s="39"/>
      <c r="AG13" s="39"/>
      <c r="AH13" s="39"/>
      <c r="AI13" s="39"/>
      <c r="AJ13" s="41"/>
      <c r="AK13" s="41"/>
      <c r="AL13" s="42"/>
    </row>
    <row r="14" spans="2:38" ht="25.5" customHeight="1" x14ac:dyDescent="0.55000000000000004">
      <c r="B14" s="43">
        <v>1</v>
      </c>
      <c r="C14" s="44" t="s">
        <v>20</v>
      </c>
      <c r="D14" s="44"/>
      <c r="E14" s="44"/>
      <c r="F14" s="44"/>
      <c r="G14" s="44"/>
      <c r="H14" s="44"/>
      <c r="I14" s="45" t="s">
        <v>21</v>
      </c>
      <c r="J14" s="46" t="s">
        <v>22</v>
      </c>
      <c r="K14" s="46"/>
      <c r="L14" s="46"/>
      <c r="M14" s="47" t="s">
        <v>21</v>
      </c>
      <c r="N14" s="46" t="s">
        <v>23</v>
      </c>
      <c r="O14" s="46"/>
      <c r="P14" s="46"/>
      <c r="Q14" s="47" t="s">
        <v>21</v>
      </c>
      <c r="R14" s="46" t="s">
        <v>24</v>
      </c>
      <c r="S14" s="46"/>
      <c r="T14" s="46"/>
      <c r="U14" s="46"/>
      <c r="V14" s="46"/>
      <c r="W14" s="47" t="s">
        <v>21</v>
      </c>
      <c r="X14" s="46" t="s">
        <v>25</v>
      </c>
      <c r="Y14" s="46"/>
      <c r="Z14" s="47" t="s">
        <v>21</v>
      </c>
      <c r="AA14" s="46" t="s">
        <v>26</v>
      </c>
      <c r="AB14" s="46"/>
      <c r="AC14" s="46"/>
      <c r="AD14" s="46"/>
      <c r="AE14" s="47" t="s">
        <v>21</v>
      </c>
      <c r="AF14" s="46" t="s">
        <v>27</v>
      </c>
      <c r="AG14" s="46"/>
      <c r="AH14" s="46"/>
      <c r="AI14" s="46"/>
      <c r="AJ14" s="46"/>
      <c r="AK14" s="46"/>
      <c r="AL14" s="42"/>
    </row>
    <row r="15" spans="2:38" ht="25.5" customHeight="1" x14ac:dyDescent="0.55000000000000004">
      <c r="B15" s="48"/>
      <c r="C15" s="49"/>
      <c r="D15" s="49"/>
      <c r="E15" s="49"/>
      <c r="F15" s="49"/>
      <c r="G15" s="49"/>
      <c r="H15" s="49"/>
      <c r="I15" s="50" t="s">
        <v>21</v>
      </c>
      <c r="J15" s="51" t="s">
        <v>28</v>
      </c>
      <c r="K15" s="51"/>
      <c r="L15" s="51"/>
      <c r="M15" s="52" t="s">
        <v>21</v>
      </c>
      <c r="N15" s="51" t="s">
        <v>29</v>
      </c>
      <c r="O15" s="51"/>
      <c r="P15" s="51"/>
      <c r="Q15" s="52" t="s">
        <v>21</v>
      </c>
      <c r="R15" s="51" t="s">
        <v>30</v>
      </c>
      <c r="S15" s="51"/>
      <c r="T15" s="51"/>
      <c r="U15" s="51"/>
      <c r="V15" s="51"/>
      <c r="W15" s="52" t="s">
        <v>21</v>
      </c>
      <c r="X15" s="51" t="s">
        <v>31</v>
      </c>
      <c r="Y15" s="51"/>
      <c r="Z15" s="51"/>
      <c r="AA15" s="51"/>
      <c r="AB15" s="51"/>
      <c r="AC15" s="51"/>
      <c r="AD15" s="51"/>
      <c r="AE15" s="52" t="s">
        <v>21</v>
      </c>
      <c r="AF15" s="51" t="s">
        <v>32</v>
      </c>
      <c r="AG15" s="51"/>
      <c r="AH15" s="51"/>
      <c r="AI15" s="51"/>
      <c r="AJ15" s="51"/>
      <c r="AK15" s="51"/>
      <c r="AL15" s="42"/>
    </row>
    <row r="16" spans="2:38" ht="25.5" customHeight="1" x14ac:dyDescent="0.55000000000000004">
      <c r="B16" s="48"/>
      <c r="C16" s="49"/>
      <c r="D16" s="49"/>
      <c r="E16" s="49"/>
      <c r="F16" s="49"/>
      <c r="G16" s="49"/>
      <c r="H16" s="49"/>
      <c r="I16" s="50" t="s">
        <v>21</v>
      </c>
      <c r="J16" s="51" t="s">
        <v>33</v>
      </c>
      <c r="K16" s="51"/>
      <c r="L16" s="51"/>
      <c r="M16" s="51"/>
      <c r="N16" s="51"/>
      <c r="O16" s="51"/>
      <c r="P16" s="51"/>
      <c r="Q16" s="52" t="s">
        <v>21</v>
      </c>
      <c r="R16" s="51" t="s">
        <v>34</v>
      </c>
      <c r="S16" s="51"/>
      <c r="T16" s="51"/>
      <c r="U16" s="51"/>
      <c r="V16" s="51"/>
      <c r="W16" s="52" t="s">
        <v>21</v>
      </c>
      <c r="X16" s="51" t="s">
        <v>35</v>
      </c>
      <c r="Y16" s="51"/>
      <c r="Z16" s="51"/>
      <c r="AA16" s="51"/>
      <c r="AB16" s="51"/>
      <c r="AC16" s="51"/>
      <c r="AD16" s="51"/>
      <c r="AE16" s="51"/>
      <c r="AF16" s="52" t="s">
        <v>21</v>
      </c>
      <c r="AG16" s="51" t="s">
        <v>36</v>
      </c>
      <c r="AH16" s="51"/>
      <c r="AI16" s="51"/>
      <c r="AJ16" s="51"/>
      <c r="AK16" s="51"/>
      <c r="AL16" s="42"/>
    </row>
    <row r="17" spans="2:38" ht="25.5" customHeight="1" thickBot="1" x14ac:dyDescent="0.6">
      <c r="B17" s="53"/>
      <c r="C17" s="54"/>
      <c r="D17" s="54"/>
      <c r="E17" s="54"/>
      <c r="F17" s="54"/>
      <c r="G17" s="54"/>
      <c r="H17" s="54"/>
      <c r="I17" s="55" t="s">
        <v>21</v>
      </c>
      <c r="J17" s="56" t="s">
        <v>37</v>
      </c>
      <c r="K17" s="56"/>
      <c r="L17" s="56"/>
      <c r="M17" s="56"/>
      <c r="N17" s="57" t="s">
        <v>21</v>
      </c>
      <c r="O17" s="56" t="s">
        <v>38</v>
      </c>
      <c r="P17" s="56"/>
      <c r="Q17" s="56"/>
      <c r="R17" s="56"/>
      <c r="S17" s="57" t="s">
        <v>21</v>
      </c>
      <c r="T17" s="56" t="s">
        <v>39</v>
      </c>
      <c r="U17" s="56"/>
      <c r="V17" s="56"/>
      <c r="W17" s="57" t="s">
        <v>21</v>
      </c>
      <c r="X17" s="56" t="s">
        <v>40</v>
      </c>
      <c r="Y17" s="58"/>
      <c r="Z17" s="59"/>
      <c r="AA17" s="59"/>
      <c r="AB17" s="59"/>
      <c r="AC17" s="59"/>
      <c r="AD17" s="59"/>
      <c r="AE17" s="59"/>
      <c r="AF17" s="59"/>
      <c r="AG17" s="59"/>
      <c r="AH17" s="59"/>
      <c r="AI17" s="56" t="s">
        <v>41</v>
      </c>
      <c r="AJ17" s="58"/>
      <c r="AK17" s="56"/>
      <c r="AL17" s="42"/>
    </row>
    <row r="18" spans="2:38" ht="25.5" customHeight="1" x14ac:dyDescent="0.55000000000000004">
      <c r="B18" s="43">
        <v>2</v>
      </c>
      <c r="C18" s="60" t="s">
        <v>42</v>
      </c>
      <c r="D18" s="61"/>
      <c r="E18" s="61"/>
      <c r="F18" s="61"/>
      <c r="G18" s="61"/>
      <c r="H18" s="62"/>
      <c r="I18" s="63"/>
      <c r="J18" s="64"/>
      <c r="K18" s="64"/>
      <c r="L18" s="64"/>
      <c r="M18" s="64"/>
      <c r="N18" s="64"/>
      <c r="O18" s="64"/>
      <c r="P18" s="64"/>
      <c r="Q18" s="64"/>
      <c r="R18" s="64"/>
      <c r="S18" s="64"/>
      <c r="T18" s="64"/>
      <c r="U18" s="64"/>
      <c r="V18" s="64"/>
      <c r="W18" s="64"/>
      <c r="X18" s="64"/>
      <c r="Y18" s="64"/>
      <c r="Z18" s="65"/>
      <c r="AA18" s="66"/>
      <c r="AB18" s="67"/>
      <c r="AC18" s="67"/>
      <c r="AD18" s="68"/>
      <c r="AE18" s="68"/>
      <c r="AF18" s="68"/>
      <c r="AG18" s="68"/>
      <c r="AH18" s="67"/>
      <c r="AI18" s="67"/>
      <c r="AJ18" s="67"/>
      <c r="AK18" s="67"/>
      <c r="AL18" s="42"/>
    </row>
    <row r="19" spans="2:38" ht="33.75" customHeight="1" thickBot="1" x14ac:dyDescent="0.6">
      <c r="B19" s="53"/>
      <c r="C19" s="69" t="s">
        <v>43</v>
      </c>
      <c r="D19" s="70"/>
      <c r="E19" s="70"/>
      <c r="F19" s="70"/>
      <c r="G19" s="70"/>
      <c r="H19" s="71"/>
      <c r="I19" s="72"/>
      <c r="J19" s="73"/>
      <c r="K19" s="73"/>
      <c r="L19" s="73"/>
      <c r="M19" s="73"/>
      <c r="N19" s="73"/>
      <c r="O19" s="73"/>
      <c r="P19" s="73"/>
      <c r="Q19" s="73"/>
      <c r="R19" s="73"/>
      <c r="S19" s="73"/>
      <c r="T19" s="73"/>
      <c r="U19" s="73"/>
      <c r="V19" s="73"/>
      <c r="W19" s="73"/>
      <c r="X19" s="73"/>
      <c r="Y19" s="73"/>
      <c r="Z19" s="73"/>
      <c r="AA19" s="74" t="s">
        <v>44</v>
      </c>
      <c r="AB19" s="75"/>
      <c r="AC19" s="76"/>
      <c r="AD19" s="77"/>
      <c r="AE19" s="78"/>
      <c r="AF19" s="78"/>
      <c r="AG19" s="79" t="s">
        <v>45</v>
      </c>
      <c r="AH19" s="80"/>
      <c r="AI19" s="81" t="s">
        <v>6</v>
      </c>
      <c r="AJ19" s="80"/>
      <c r="AK19" s="81" t="s">
        <v>46</v>
      </c>
      <c r="AL19" s="42"/>
    </row>
    <row r="20" spans="2:38" ht="33.75" customHeight="1" thickBot="1" x14ac:dyDescent="0.6">
      <c r="B20" s="82">
        <v>3</v>
      </c>
      <c r="C20" s="83" t="s">
        <v>47</v>
      </c>
      <c r="D20" s="84"/>
      <c r="E20" s="84"/>
      <c r="F20" s="84"/>
      <c r="G20" s="84"/>
      <c r="H20" s="85"/>
      <c r="I20" s="50" t="s">
        <v>21</v>
      </c>
      <c r="J20" s="86" t="s">
        <v>48</v>
      </c>
      <c r="K20" s="52" t="s">
        <v>21</v>
      </c>
      <c r="L20" s="87" t="s">
        <v>49</v>
      </c>
      <c r="M20" s="88" t="s">
        <v>50</v>
      </c>
      <c r="N20" s="89"/>
      <c r="O20" s="89"/>
      <c r="P20" s="89"/>
      <c r="Q20" s="89"/>
      <c r="R20" s="89"/>
      <c r="S20" s="90"/>
      <c r="T20" s="91"/>
      <c r="U20" s="92"/>
      <c r="V20" s="93" t="s">
        <v>5</v>
      </c>
      <c r="W20" s="94"/>
      <c r="X20" s="93" t="s">
        <v>6</v>
      </c>
      <c r="Y20" s="94"/>
      <c r="Z20" s="93" t="s">
        <v>7</v>
      </c>
      <c r="AA20" s="93" t="s">
        <v>51</v>
      </c>
      <c r="AB20" s="95"/>
      <c r="AC20" s="96"/>
      <c r="AD20" s="93" t="s">
        <v>5</v>
      </c>
      <c r="AE20" s="94"/>
      <c r="AF20" s="93" t="s">
        <v>6</v>
      </c>
      <c r="AG20" s="94"/>
      <c r="AH20" s="93" t="s">
        <v>7</v>
      </c>
      <c r="AI20" s="97"/>
      <c r="AJ20" s="98"/>
      <c r="AL20" s="42"/>
    </row>
    <row r="21" spans="2:38" ht="25.5" customHeight="1" thickBot="1" x14ac:dyDescent="0.6">
      <c r="B21" s="43">
        <v>4</v>
      </c>
      <c r="C21" s="99" t="s">
        <v>52</v>
      </c>
      <c r="D21" s="61"/>
      <c r="E21" s="61"/>
      <c r="F21" s="61"/>
      <c r="G21" s="61"/>
      <c r="H21" s="62"/>
      <c r="I21" s="100" t="s">
        <v>53</v>
      </c>
      <c r="J21" s="101"/>
      <c r="K21" s="101"/>
      <c r="L21" s="102"/>
      <c r="M21" s="103"/>
      <c r="N21" s="104"/>
      <c r="O21" s="104"/>
      <c r="P21" s="104"/>
      <c r="Q21" s="104"/>
      <c r="R21" s="104"/>
      <c r="S21" s="104"/>
      <c r="T21" s="104"/>
      <c r="U21" s="104"/>
      <c r="V21" s="104"/>
      <c r="W21" s="104"/>
      <c r="X21" s="104"/>
      <c r="Y21" s="104"/>
      <c r="Z21" s="104"/>
      <c r="AA21" s="104"/>
      <c r="AB21" s="104"/>
      <c r="AC21" s="104"/>
      <c r="AD21" s="104"/>
      <c r="AE21" s="104"/>
      <c r="AF21" s="104"/>
      <c r="AG21" s="104"/>
      <c r="AH21" s="104"/>
      <c r="AI21" s="104"/>
      <c r="AJ21" s="104"/>
      <c r="AK21" s="104"/>
      <c r="AL21" s="42"/>
    </row>
    <row r="22" spans="2:38" ht="25.5" customHeight="1" thickBot="1" x14ac:dyDescent="0.6">
      <c r="B22" s="105"/>
      <c r="C22" s="106"/>
      <c r="D22" s="107"/>
      <c r="E22" s="107"/>
      <c r="F22" s="107"/>
      <c r="G22" s="107"/>
      <c r="H22" s="108"/>
      <c r="I22" s="100" t="s">
        <v>54</v>
      </c>
      <c r="J22" s="101"/>
      <c r="K22" s="101"/>
      <c r="L22" s="102"/>
      <c r="M22" s="109"/>
      <c r="N22" s="110"/>
      <c r="O22" s="110"/>
      <c r="P22" s="110"/>
      <c r="Q22" s="110"/>
      <c r="R22" s="110"/>
      <c r="S22" s="110"/>
      <c r="T22" s="110"/>
      <c r="U22" s="110"/>
      <c r="V22" s="110"/>
      <c r="W22" s="110"/>
      <c r="X22" s="110"/>
      <c r="Y22" s="110"/>
      <c r="Z22" s="110"/>
      <c r="AA22" s="110"/>
      <c r="AB22" s="110"/>
      <c r="AC22" s="110"/>
      <c r="AD22" s="110"/>
      <c r="AE22" s="110"/>
      <c r="AF22" s="110"/>
      <c r="AG22" s="110"/>
      <c r="AH22" s="110"/>
      <c r="AI22" s="110"/>
      <c r="AJ22" s="110"/>
      <c r="AK22" s="111"/>
      <c r="AL22" s="42"/>
    </row>
    <row r="23" spans="2:38" ht="25.5" customHeight="1" x14ac:dyDescent="0.55000000000000004">
      <c r="B23" s="43">
        <v>5</v>
      </c>
      <c r="C23" s="99" t="s">
        <v>55</v>
      </c>
      <c r="D23" s="61"/>
      <c r="E23" s="61"/>
      <c r="F23" s="61"/>
      <c r="G23" s="61"/>
      <c r="H23" s="62"/>
      <c r="I23" s="45" t="s">
        <v>21</v>
      </c>
      <c r="J23" s="112" t="s">
        <v>56</v>
      </c>
      <c r="K23" s="112"/>
      <c r="L23" s="47" t="s">
        <v>21</v>
      </c>
      <c r="M23" s="113" t="s">
        <v>57</v>
      </c>
      <c r="N23" s="113"/>
      <c r="O23" s="113"/>
      <c r="P23" s="113"/>
      <c r="Q23" s="52" t="s">
        <v>21</v>
      </c>
      <c r="R23" s="113" t="s">
        <v>58</v>
      </c>
      <c r="S23" s="113"/>
      <c r="T23" s="52" t="s">
        <v>21</v>
      </c>
      <c r="U23" s="113" t="s">
        <v>59</v>
      </c>
      <c r="V23" s="113"/>
      <c r="W23" s="52" t="s">
        <v>21</v>
      </c>
      <c r="X23" s="113" t="s">
        <v>60</v>
      </c>
      <c r="Y23" s="113"/>
      <c r="Z23" s="113"/>
      <c r="AA23" s="113"/>
      <c r="AB23" s="52" t="s">
        <v>21</v>
      </c>
      <c r="AC23" s="113" t="s">
        <v>61</v>
      </c>
      <c r="AD23" s="113"/>
      <c r="AE23" s="113"/>
      <c r="AF23" s="113"/>
      <c r="AG23" s="52" t="s">
        <v>21</v>
      </c>
      <c r="AH23" s="113" t="s">
        <v>62</v>
      </c>
      <c r="AI23" s="113"/>
      <c r="AK23" s="114"/>
    </row>
    <row r="24" spans="2:38" ht="25.5" customHeight="1" thickBot="1" x14ac:dyDescent="0.6">
      <c r="B24" s="53"/>
      <c r="C24" s="115"/>
      <c r="D24" s="116"/>
      <c r="E24" s="116"/>
      <c r="F24" s="116"/>
      <c r="G24" s="116"/>
      <c r="H24" s="117"/>
      <c r="I24" s="50" t="s">
        <v>21</v>
      </c>
      <c r="J24" s="118" t="s">
        <v>63</v>
      </c>
      <c r="K24" s="118"/>
      <c r="L24" s="52" t="s">
        <v>21</v>
      </c>
      <c r="M24" s="119" t="s">
        <v>64</v>
      </c>
      <c r="N24" s="119"/>
      <c r="O24" s="119"/>
      <c r="P24" s="119"/>
      <c r="Q24" s="52" t="s">
        <v>21</v>
      </c>
      <c r="R24" s="119" t="s">
        <v>65</v>
      </c>
      <c r="S24" s="119"/>
      <c r="T24" s="120"/>
      <c r="U24" s="52" t="s">
        <v>21</v>
      </c>
      <c r="V24" s="119" t="s">
        <v>66</v>
      </c>
      <c r="W24" s="52" t="s">
        <v>21</v>
      </c>
      <c r="X24" s="119" t="s">
        <v>67</v>
      </c>
      <c r="Y24" s="119"/>
      <c r="Z24" s="119"/>
      <c r="AA24" s="52" t="s">
        <v>21</v>
      </c>
      <c r="AB24" s="119" t="s">
        <v>68</v>
      </c>
      <c r="AC24" s="119"/>
      <c r="AD24" s="121"/>
      <c r="AE24" s="78"/>
      <c r="AF24" s="78"/>
      <c r="AG24" s="78"/>
      <c r="AH24" s="78"/>
      <c r="AI24" s="78"/>
      <c r="AJ24" s="78"/>
      <c r="AK24" s="119" t="s">
        <v>69</v>
      </c>
      <c r="AL24" s="42"/>
    </row>
    <row r="25" spans="2:38" ht="25.5" customHeight="1" x14ac:dyDescent="0.55000000000000004">
      <c r="B25" s="122">
        <v>6</v>
      </c>
      <c r="C25" s="83" t="s">
        <v>70</v>
      </c>
      <c r="D25" s="84"/>
      <c r="E25" s="84"/>
      <c r="F25" s="84"/>
      <c r="G25" s="84"/>
      <c r="H25" s="85"/>
      <c r="I25" s="123" t="s">
        <v>71</v>
      </c>
      <c r="J25" s="124" t="s">
        <v>72</v>
      </c>
      <c r="K25" s="124" t="s">
        <v>73</v>
      </c>
      <c r="L25" s="124" t="s">
        <v>74</v>
      </c>
      <c r="M25" s="124" t="s">
        <v>75</v>
      </c>
      <c r="N25" s="124" t="s">
        <v>76</v>
      </c>
      <c r="O25" s="124" t="s">
        <v>46</v>
      </c>
      <c r="P25" s="125" t="s">
        <v>77</v>
      </c>
      <c r="Q25" s="125"/>
      <c r="R25" s="126"/>
      <c r="S25" s="127" t="s">
        <v>78</v>
      </c>
      <c r="T25" s="128"/>
      <c r="U25" s="129" t="s">
        <v>79</v>
      </c>
      <c r="V25" s="130"/>
      <c r="W25" s="131"/>
      <c r="X25" s="131"/>
      <c r="Y25" s="130" t="s">
        <v>80</v>
      </c>
      <c r="Z25" s="130"/>
      <c r="AA25" s="131"/>
      <c r="AB25" s="131"/>
      <c r="AC25" s="130" t="s">
        <v>81</v>
      </c>
      <c r="AD25" s="130" t="s">
        <v>82</v>
      </c>
      <c r="AE25" s="130"/>
      <c r="AF25" s="130"/>
      <c r="AG25" s="131"/>
      <c r="AH25" s="131"/>
      <c r="AI25" s="130" t="s">
        <v>83</v>
      </c>
      <c r="AJ25" s="132"/>
      <c r="AK25" s="133"/>
    </row>
    <row r="26" spans="2:38" ht="25.5" customHeight="1" x14ac:dyDescent="0.55000000000000004">
      <c r="B26" s="134"/>
      <c r="C26" s="135"/>
      <c r="D26" s="136"/>
      <c r="E26" s="136"/>
      <c r="F26" s="136"/>
      <c r="G26" s="136"/>
      <c r="H26" s="137"/>
      <c r="I26" s="138" t="s">
        <v>21</v>
      </c>
      <c r="J26" s="139" t="s">
        <v>21</v>
      </c>
      <c r="K26" s="139" t="s">
        <v>21</v>
      </c>
      <c r="L26" s="139" t="s">
        <v>21</v>
      </c>
      <c r="M26" s="139" t="s">
        <v>21</v>
      </c>
      <c r="N26" s="139" t="s">
        <v>21</v>
      </c>
      <c r="O26" s="139" t="s">
        <v>21</v>
      </c>
      <c r="P26" s="140" t="s">
        <v>21</v>
      </c>
      <c r="Q26" s="140"/>
      <c r="R26" s="141"/>
      <c r="S26" s="142"/>
      <c r="T26" s="143"/>
      <c r="U26" s="144"/>
      <c r="V26" s="145"/>
      <c r="W26" s="146"/>
      <c r="X26" s="146"/>
      <c r="Y26" s="145"/>
      <c r="Z26" s="145"/>
      <c r="AA26" s="146"/>
      <c r="AB26" s="146"/>
      <c r="AC26" s="145"/>
      <c r="AD26" s="145"/>
      <c r="AE26" s="145"/>
      <c r="AF26" s="145"/>
      <c r="AG26" s="146"/>
      <c r="AH26" s="146"/>
      <c r="AI26" s="145"/>
      <c r="AJ26" s="147"/>
      <c r="AK26" s="148"/>
    </row>
    <row r="27" spans="2:38" ht="25.5" customHeight="1" x14ac:dyDescent="0.55000000000000004">
      <c r="B27" s="134"/>
      <c r="C27" s="135"/>
      <c r="D27" s="136"/>
      <c r="E27" s="136"/>
      <c r="F27" s="136"/>
      <c r="G27" s="136"/>
      <c r="H27" s="137"/>
      <c r="I27" s="149" t="s">
        <v>84</v>
      </c>
      <c r="J27" s="150"/>
      <c r="K27" s="150"/>
      <c r="L27" s="150"/>
      <c r="M27" s="150"/>
      <c r="N27" s="151"/>
      <c r="O27" s="152" t="s">
        <v>79</v>
      </c>
      <c r="P27" s="153"/>
      <c r="Q27" s="154"/>
      <c r="R27" s="155"/>
      <c r="S27" s="155"/>
      <c r="T27" s="156" t="s">
        <v>7</v>
      </c>
      <c r="U27" s="157" t="s">
        <v>85</v>
      </c>
      <c r="V27" s="150"/>
      <c r="W27" s="150"/>
      <c r="X27" s="150"/>
      <c r="Y27" s="150"/>
      <c r="Z27" s="151"/>
      <c r="AA27" s="152" t="s">
        <v>86</v>
      </c>
      <c r="AB27" s="153"/>
      <c r="AC27" s="154"/>
      <c r="AD27" s="154"/>
      <c r="AE27" s="154"/>
      <c r="AF27" s="158" t="s">
        <v>7</v>
      </c>
      <c r="AG27" s="159"/>
      <c r="AH27" s="159"/>
      <c r="AI27" s="159"/>
      <c r="AJ27" s="160"/>
      <c r="AL27" s="42"/>
    </row>
    <row r="28" spans="2:38" ht="25.5" customHeight="1" x14ac:dyDescent="0.55000000000000004">
      <c r="B28" s="134"/>
      <c r="C28" s="135"/>
      <c r="D28" s="136"/>
      <c r="E28" s="136"/>
      <c r="F28" s="136"/>
      <c r="G28" s="136"/>
      <c r="H28" s="137"/>
      <c r="I28" s="161" t="s">
        <v>87</v>
      </c>
      <c r="J28" s="162"/>
      <c r="K28" s="163"/>
      <c r="L28" s="163"/>
      <c r="M28" s="164" t="s">
        <v>88</v>
      </c>
      <c r="N28" s="165"/>
      <c r="O28" s="165"/>
      <c r="P28" s="164" t="s">
        <v>81</v>
      </c>
      <c r="Q28" s="166"/>
      <c r="R28" s="167" t="s">
        <v>51</v>
      </c>
      <c r="S28" s="167"/>
      <c r="T28" s="168"/>
      <c r="U28" s="168"/>
      <c r="V28" s="167" t="s">
        <v>88</v>
      </c>
      <c r="W28" s="168"/>
      <c r="X28" s="168"/>
      <c r="Y28" s="167" t="s">
        <v>81</v>
      </c>
      <c r="Z28" s="169" t="s">
        <v>82</v>
      </c>
      <c r="AA28" s="169"/>
      <c r="AB28" s="169"/>
      <c r="AC28" s="170"/>
      <c r="AD28" s="170"/>
      <c r="AE28" s="169" t="s">
        <v>83</v>
      </c>
      <c r="AF28" s="171"/>
      <c r="AG28" s="171"/>
      <c r="AH28" s="171"/>
      <c r="AI28" s="171"/>
      <c r="AJ28" s="172"/>
      <c r="AK28" s="173"/>
    </row>
    <row r="29" spans="2:38" ht="25.5" customHeight="1" x14ac:dyDescent="0.55000000000000004">
      <c r="B29" s="134"/>
      <c r="C29" s="135"/>
      <c r="D29" s="136"/>
      <c r="E29" s="136"/>
      <c r="F29" s="136"/>
      <c r="G29" s="136"/>
      <c r="H29" s="137"/>
      <c r="I29" s="174" t="s">
        <v>89</v>
      </c>
      <c r="J29" s="175"/>
      <c r="K29" s="176"/>
      <c r="L29" s="176"/>
      <c r="M29" s="177" t="s">
        <v>88</v>
      </c>
      <c r="N29" s="176"/>
      <c r="O29" s="176"/>
      <c r="P29" s="177" t="s">
        <v>81</v>
      </c>
      <c r="Q29" s="178"/>
      <c r="R29" s="164" t="s">
        <v>51</v>
      </c>
      <c r="S29" s="164"/>
      <c r="T29" s="165"/>
      <c r="U29" s="165"/>
      <c r="V29" s="164" t="s">
        <v>88</v>
      </c>
      <c r="W29" s="165"/>
      <c r="X29" s="165"/>
      <c r="Y29" s="164" t="s">
        <v>81</v>
      </c>
      <c r="Z29" s="4" t="s">
        <v>90</v>
      </c>
      <c r="AA29" s="4"/>
      <c r="AB29" s="4"/>
      <c r="AC29" s="170"/>
      <c r="AD29" s="170"/>
      <c r="AE29" s="4" t="s">
        <v>83</v>
      </c>
      <c r="AF29" s="153"/>
      <c r="AG29" s="153"/>
      <c r="AH29" s="153"/>
      <c r="AI29" s="153"/>
      <c r="AJ29" s="160"/>
      <c r="AK29" s="173"/>
    </row>
    <row r="30" spans="2:38" ht="25.5" customHeight="1" thickBot="1" x14ac:dyDescent="0.6">
      <c r="B30" s="134"/>
      <c r="C30" s="179"/>
      <c r="D30" s="180"/>
      <c r="E30" s="180"/>
      <c r="F30" s="180"/>
      <c r="G30" s="180"/>
      <c r="H30" s="181"/>
      <c r="I30" s="182" t="s">
        <v>91</v>
      </c>
      <c r="J30" s="183"/>
      <c r="K30" s="184"/>
      <c r="L30" s="184"/>
      <c r="M30" s="185" t="s">
        <v>88</v>
      </c>
      <c r="N30" s="184"/>
      <c r="O30" s="184"/>
      <c r="P30" s="185" t="s">
        <v>81</v>
      </c>
      <c r="Q30" s="186"/>
      <c r="R30" s="185" t="s">
        <v>51</v>
      </c>
      <c r="T30" s="184"/>
      <c r="U30" s="184"/>
      <c r="V30" s="185" t="s">
        <v>88</v>
      </c>
      <c r="W30" s="184"/>
      <c r="X30" s="184"/>
      <c r="Y30" s="185" t="s">
        <v>81</v>
      </c>
      <c r="Z30" s="187" t="s">
        <v>90</v>
      </c>
      <c r="AA30" s="187"/>
      <c r="AB30" s="187"/>
      <c r="AC30" s="188"/>
      <c r="AD30" s="188"/>
      <c r="AE30" s="187" t="s">
        <v>83</v>
      </c>
      <c r="AF30" s="189"/>
      <c r="AG30" s="189"/>
      <c r="AH30" s="189"/>
      <c r="AI30" s="189"/>
      <c r="AK30" s="190"/>
    </row>
    <row r="31" spans="2:38" ht="25.5" customHeight="1" x14ac:dyDescent="0.55000000000000004">
      <c r="B31" s="134"/>
      <c r="C31" s="191" t="s">
        <v>92</v>
      </c>
      <c r="D31" s="192"/>
      <c r="E31" s="192"/>
      <c r="F31" s="192"/>
      <c r="G31" s="192"/>
      <c r="H31" s="193"/>
      <c r="I31" s="194" t="s">
        <v>93</v>
      </c>
      <c r="J31" s="195"/>
      <c r="K31" s="195"/>
      <c r="L31" s="195"/>
      <c r="M31" s="196" t="s">
        <v>21</v>
      </c>
      <c r="N31" s="86" t="s">
        <v>79</v>
      </c>
      <c r="O31" s="197"/>
      <c r="P31" s="198" t="s">
        <v>21</v>
      </c>
      <c r="Q31" s="86" t="s">
        <v>86</v>
      </c>
      <c r="R31" s="197"/>
      <c r="S31" s="199"/>
      <c r="T31" s="199"/>
      <c r="U31" s="195" t="s">
        <v>80</v>
      </c>
      <c r="V31" s="195"/>
      <c r="W31" s="200"/>
      <c r="X31" s="200"/>
      <c r="Y31" s="201" t="s">
        <v>81</v>
      </c>
      <c r="Z31" s="202" t="s">
        <v>94</v>
      </c>
      <c r="AA31" s="202"/>
      <c r="AB31" s="202"/>
      <c r="AC31" s="203"/>
      <c r="AD31" s="203"/>
      <c r="AE31" s="202" t="s">
        <v>83</v>
      </c>
      <c r="AF31" s="204"/>
      <c r="AG31" s="204"/>
      <c r="AH31" s="204"/>
      <c r="AI31" s="204"/>
      <c r="AJ31" s="205"/>
      <c r="AK31" s="114"/>
    </row>
    <row r="32" spans="2:38" ht="25.5" customHeight="1" x14ac:dyDescent="0.55000000000000004">
      <c r="B32" s="134"/>
      <c r="C32" s="206"/>
      <c r="D32" s="207"/>
      <c r="E32" s="207"/>
      <c r="F32" s="207"/>
      <c r="G32" s="207"/>
      <c r="H32" s="208"/>
      <c r="I32" s="149" t="s">
        <v>95</v>
      </c>
      <c r="J32" s="150"/>
      <c r="K32" s="150"/>
      <c r="L32" s="150"/>
      <c r="M32" s="209" t="s">
        <v>21</v>
      </c>
      <c r="N32" s="210" t="s">
        <v>79</v>
      </c>
      <c r="O32" s="211"/>
      <c r="P32" s="212" t="s">
        <v>21</v>
      </c>
      <c r="Q32" s="210" t="s">
        <v>86</v>
      </c>
      <c r="R32" s="211"/>
      <c r="S32" s="213"/>
      <c r="T32" s="213"/>
      <c r="U32" s="150" t="s">
        <v>7</v>
      </c>
      <c r="V32" s="150"/>
      <c r="W32" s="150"/>
      <c r="X32" s="150"/>
      <c r="Y32" s="150"/>
      <c r="Z32" s="150"/>
      <c r="AA32" s="150"/>
      <c r="AB32" s="150"/>
      <c r="AC32" s="150"/>
      <c r="AD32" s="150"/>
      <c r="AE32" s="150"/>
      <c r="AF32" s="150"/>
      <c r="AG32" s="150"/>
      <c r="AH32" s="150"/>
      <c r="AI32" s="150"/>
      <c r="AJ32" s="150"/>
      <c r="AK32" s="214"/>
      <c r="AL32" s="42"/>
    </row>
    <row r="33" spans="2:38" ht="39" customHeight="1" thickBot="1" x14ac:dyDescent="0.6">
      <c r="B33" s="215"/>
      <c r="C33" s="216"/>
      <c r="D33" s="217"/>
      <c r="E33" s="217"/>
      <c r="F33" s="217"/>
      <c r="G33" s="217"/>
      <c r="H33" s="218"/>
      <c r="I33" s="219" t="s">
        <v>96</v>
      </c>
      <c r="J33" s="219"/>
      <c r="K33" s="219"/>
      <c r="L33" s="219"/>
      <c r="M33" s="220"/>
      <c r="N33" s="221"/>
      <c r="O33" s="222" t="s">
        <v>97</v>
      </c>
      <c r="P33" s="221"/>
      <c r="Q33" s="221"/>
      <c r="R33" s="222" t="s">
        <v>81</v>
      </c>
      <c r="S33" s="222" t="s">
        <v>51</v>
      </c>
      <c r="T33" s="221"/>
      <c r="U33" s="221"/>
      <c r="V33" s="222" t="s">
        <v>97</v>
      </c>
      <c r="W33" s="221"/>
      <c r="X33" s="221"/>
      <c r="Y33" s="222" t="s">
        <v>81</v>
      </c>
      <c r="Z33" s="223" t="s">
        <v>82</v>
      </c>
      <c r="AA33" s="223"/>
      <c r="AB33" s="223"/>
      <c r="AC33" s="188"/>
      <c r="AD33" s="188"/>
      <c r="AE33" s="223" t="s">
        <v>83</v>
      </c>
      <c r="AF33" s="223"/>
      <c r="AG33" s="223"/>
      <c r="AH33" s="223"/>
      <c r="AI33" s="223"/>
      <c r="AK33" s="224"/>
    </row>
    <row r="34" spans="2:38" ht="25.5" customHeight="1" x14ac:dyDescent="0.55000000000000004">
      <c r="B34" s="122">
        <v>7</v>
      </c>
      <c r="C34" s="83" t="s">
        <v>98</v>
      </c>
      <c r="D34" s="84"/>
      <c r="E34" s="84"/>
      <c r="F34" s="84"/>
      <c r="G34" s="84"/>
      <c r="H34" s="85"/>
      <c r="I34" s="194" t="s">
        <v>99</v>
      </c>
      <c r="J34" s="225"/>
      <c r="K34" s="226"/>
      <c r="L34" s="226"/>
      <c r="M34" s="227" t="s">
        <v>5</v>
      </c>
      <c r="N34" s="228"/>
      <c r="O34" s="228"/>
      <c r="P34" s="229" t="s">
        <v>6</v>
      </c>
      <c r="Q34" s="97"/>
      <c r="R34" s="194" t="s">
        <v>99</v>
      </c>
      <c r="S34" s="225"/>
      <c r="T34" s="92"/>
      <c r="U34" s="92"/>
      <c r="V34" s="227" t="s">
        <v>5</v>
      </c>
      <c r="W34" s="228"/>
      <c r="X34" s="228"/>
      <c r="Y34" s="229" t="s">
        <v>6</v>
      </c>
      <c r="Z34" s="230"/>
      <c r="AA34" s="195" t="s">
        <v>99</v>
      </c>
      <c r="AB34" s="225"/>
      <c r="AC34" s="92"/>
      <c r="AD34" s="92"/>
      <c r="AE34" s="227" t="s">
        <v>5</v>
      </c>
      <c r="AF34" s="228"/>
      <c r="AG34" s="228"/>
      <c r="AH34" s="229" t="s">
        <v>6</v>
      </c>
      <c r="AI34" s="231"/>
      <c r="AJ34" s="232"/>
      <c r="AK34" s="233"/>
    </row>
    <row r="35" spans="2:38" ht="25.5" customHeight="1" thickBot="1" x14ac:dyDescent="0.6">
      <c r="B35" s="134"/>
      <c r="C35" s="135"/>
      <c r="D35" s="136"/>
      <c r="E35" s="136"/>
      <c r="F35" s="136"/>
      <c r="G35" s="136"/>
      <c r="H35" s="137"/>
      <c r="I35" s="234"/>
      <c r="J35" s="184"/>
      <c r="K35" s="235" t="s">
        <v>100</v>
      </c>
      <c r="L35" s="236"/>
      <c r="M35" s="237"/>
      <c r="N35" s="238"/>
      <c r="O35" s="235" t="s">
        <v>101</v>
      </c>
      <c r="P35" s="235"/>
      <c r="Q35" s="239"/>
      <c r="R35" s="234"/>
      <c r="S35" s="184"/>
      <c r="T35" s="235" t="s">
        <v>100</v>
      </c>
      <c r="U35" s="236"/>
      <c r="V35" s="237"/>
      <c r="W35" s="238"/>
      <c r="X35" s="235" t="s">
        <v>101</v>
      </c>
      <c r="Y35" s="235"/>
      <c r="Z35" s="239"/>
      <c r="AA35" s="234"/>
      <c r="AB35" s="184"/>
      <c r="AC35" s="235" t="s">
        <v>100</v>
      </c>
      <c r="AD35" s="236"/>
      <c r="AE35" s="237"/>
      <c r="AF35" s="238"/>
      <c r="AG35" s="235" t="s">
        <v>101</v>
      </c>
      <c r="AH35" s="235"/>
      <c r="AI35" s="235"/>
      <c r="AJ35" s="240"/>
      <c r="AK35" s="241"/>
    </row>
    <row r="36" spans="2:38" ht="25.5" customHeight="1" x14ac:dyDescent="0.55000000000000004">
      <c r="B36" s="122">
        <v>8</v>
      </c>
      <c r="C36" s="83" t="s">
        <v>102</v>
      </c>
      <c r="D36" s="84"/>
      <c r="E36" s="84"/>
      <c r="F36" s="84"/>
      <c r="G36" s="84"/>
      <c r="H36" s="85"/>
      <c r="I36" s="196" t="s">
        <v>103</v>
      </c>
      <c r="J36" s="86" t="s">
        <v>104</v>
      </c>
      <c r="K36" s="197"/>
      <c r="L36" s="198" t="s">
        <v>103</v>
      </c>
      <c r="M36" s="86" t="s">
        <v>105</v>
      </c>
      <c r="N36" s="197"/>
      <c r="O36" s="242"/>
      <c r="P36" s="86"/>
      <c r="Q36" s="242"/>
      <c r="R36" s="242"/>
      <c r="S36" s="242"/>
      <c r="T36" s="242"/>
      <c r="U36" s="242"/>
      <c r="V36" s="242"/>
      <c r="W36" s="242"/>
      <c r="X36" s="242"/>
      <c r="Y36" s="242"/>
      <c r="Z36" s="242"/>
      <c r="AA36" s="242"/>
      <c r="AB36" s="242"/>
      <c r="AC36" s="242"/>
      <c r="AD36" s="242"/>
      <c r="AE36" s="242"/>
      <c r="AF36" s="242"/>
      <c r="AG36" s="242"/>
      <c r="AH36" s="242"/>
      <c r="AI36" s="242"/>
      <c r="AJ36" s="242"/>
      <c r="AK36" s="242"/>
      <c r="AL36" s="42"/>
    </row>
    <row r="37" spans="2:38" ht="25.5" customHeight="1" thickBot="1" x14ac:dyDescent="0.6">
      <c r="B37" s="215"/>
      <c r="C37" s="179"/>
      <c r="D37" s="180"/>
      <c r="E37" s="180"/>
      <c r="F37" s="180"/>
      <c r="G37" s="180"/>
      <c r="H37" s="181"/>
      <c r="I37" s="243" t="s">
        <v>106</v>
      </c>
      <c r="J37" s="236"/>
      <c r="K37" s="184"/>
      <c r="L37" s="184"/>
      <c r="M37" s="185" t="s">
        <v>5</v>
      </c>
      <c r="N37" s="244"/>
      <c r="O37" s="244"/>
      <c r="P37" s="185" t="s">
        <v>6</v>
      </c>
      <c r="Q37" s="244"/>
      <c r="R37" s="244"/>
      <c r="S37" s="185" t="s">
        <v>7</v>
      </c>
      <c r="T37" s="245"/>
      <c r="U37" s="235" t="s">
        <v>107</v>
      </c>
      <c r="V37" s="235"/>
      <c r="W37" s="245"/>
      <c r="X37" s="184"/>
      <c r="Y37" s="184"/>
      <c r="Z37" s="185" t="s">
        <v>5</v>
      </c>
      <c r="AA37" s="244"/>
      <c r="AB37" s="244"/>
      <c r="AC37" s="185" t="s">
        <v>6</v>
      </c>
      <c r="AD37" s="244"/>
      <c r="AE37" s="244"/>
      <c r="AF37" s="185" t="s">
        <v>7</v>
      </c>
      <c r="AG37" s="235"/>
      <c r="AH37" s="235"/>
      <c r="AI37" s="235"/>
      <c r="AJ37" s="240"/>
      <c r="AK37" s="241"/>
    </row>
    <row r="38" spans="2:38" ht="25.5" customHeight="1" x14ac:dyDescent="0.55000000000000004">
      <c r="B38" s="122">
        <v>9</v>
      </c>
      <c r="C38" s="83" t="s">
        <v>108</v>
      </c>
      <c r="D38" s="84"/>
      <c r="E38" s="84"/>
      <c r="F38" s="84"/>
      <c r="G38" s="84"/>
      <c r="H38" s="85"/>
      <c r="I38" s="196" t="s">
        <v>21</v>
      </c>
      <c r="J38" s="86" t="s">
        <v>104</v>
      </c>
      <c r="K38" s="197"/>
      <c r="L38" s="198" t="s">
        <v>21</v>
      </c>
      <c r="M38" s="86" t="s">
        <v>105</v>
      </c>
      <c r="N38" s="197"/>
      <c r="O38" s="198" t="s">
        <v>21</v>
      </c>
      <c r="P38" s="86" t="s">
        <v>109</v>
      </c>
      <c r="Q38" s="246"/>
      <c r="R38" s="247"/>
      <c r="S38" s="247"/>
      <c r="T38" s="247"/>
      <c r="U38" s="247"/>
      <c r="V38" s="247"/>
      <c r="W38" s="247"/>
      <c r="X38" s="247"/>
      <c r="Y38" s="247"/>
      <c r="Z38" s="247"/>
      <c r="AA38" s="247"/>
      <c r="AB38" s="247"/>
      <c r="AC38" s="247"/>
      <c r="AD38" s="247"/>
      <c r="AE38" s="247"/>
      <c r="AF38" s="247"/>
      <c r="AG38" s="247"/>
      <c r="AH38" s="247"/>
      <c r="AI38" s="247"/>
      <c r="AJ38" s="247"/>
      <c r="AK38" s="247"/>
      <c r="AL38" s="42"/>
    </row>
    <row r="39" spans="2:38" ht="25.5" customHeight="1" thickBot="1" x14ac:dyDescent="0.6">
      <c r="B39" s="105"/>
      <c r="C39" s="248"/>
      <c r="D39" s="249"/>
      <c r="E39" s="249"/>
      <c r="F39" s="249"/>
      <c r="G39" s="249"/>
      <c r="H39" s="250"/>
      <c r="I39" s="251" t="s">
        <v>106</v>
      </c>
      <c r="J39" s="252"/>
      <c r="K39" s="253"/>
      <c r="L39" s="254"/>
      <c r="M39" s="255" t="s">
        <v>5</v>
      </c>
      <c r="N39" s="256"/>
      <c r="O39" s="255" t="s">
        <v>6</v>
      </c>
      <c r="P39" s="256"/>
      <c r="Q39" s="255" t="s">
        <v>7</v>
      </c>
      <c r="R39" s="255" t="s">
        <v>51</v>
      </c>
      <c r="S39" s="254"/>
      <c r="T39" s="254"/>
      <c r="U39" s="255" t="s">
        <v>5</v>
      </c>
      <c r="V39" s="256"/>
      <c r="W39" s="255" t="s">
        <v>6</v>
      </c>
      <c r="X39" s="256"/>
      <c r="Y39" s="255" t="s">
        <v>7</v>
      </c>
      <c r="Z39" s="255"/>
      <c r="AA39" s="255"/>
      <c r="AB39" s="255"/>
      <c r="AC39" s="255"/>
      <c r="AD39" s="255"/>
      <c r="AE39" s="255"/>
      <c r="AF39" s="255"/>
      <c r="AG39" s="255"/>
      <c r="AH39" s="255"/>
      <c r="AI39" s="255"/>
      <c r="AJ39" s="255"/>
      <c r="AK39" s="257"/>
      <c r="AL39" s="42"/>
    </row>
    <row r="40" spans="2:38" ht="25.5" customHeight="1" x14ac:dyDescent="0.55000000000000004">
      <c r="B40" s="122">
        <v>10</v>
      </c>
      <c r="C40" s="83" t="s">
        <v>110</v>
      </c>
      <c r="D40" s="84"/>
      <c r="E40" s="84"/>
      <c r="F40" s="84"/>
      <c r="G40" s="84"/>
      <c r="H40" s="85"/>
      <c r="I40" s="196" t="s">
        <v>21</v>
      </c>
      <c r="J40" s="86" t="s">
        <v>104</v>
      </c>
      <c r="K40" s="197"/>
      <c r="L40" s="198" t="s">
        <v>21</v>
      </c>
      <c r="M40" s="86" t="s">
        <v>105</v>
      </c>
      <c r="N40" s="197"/>
      <c r="O40" s="198" t="s">
        <v>21</v>
      </c>
      <c r="P40" s="86" t="s">
        <v>109</v>
      </c>
      <c r="Q40" s="246"/>
      <c r="R40" s="258" t="s">
        <v>111</v>
      </c>
      <c r="S40" s="259"/>
      <c r="T40" s="198" t="s">
        <v>21</v>
      </c>
      <c r="U40" s="260" t="s">
        <v>112</v>
      </c>
      <c r="V40" s="260"/>
      <c r="W40" s="260"/>
      <c r="X40" s="198" t="s">
        <v>21</v>
      </c>
      <c r="Y40" s="260" t="s">
        <v>113</v>
      </c>
      <c r="Z40" s="260"/>
      <c r="AA40" s="198" t="s">
        <v>21</v>
      </c>
      <c r="AB40" s="260" t="s">
        <v>114</v>
      </c>
      <c r="AC40" s="260"/>
      <c r="AD40" s="261"/>
      <c r="AE40" s="232"/>
      <c r="AF40" s="232"/>
      <c r="AG40" s="232"/>
      <c r="AH40" s="232"/>
      <c r="AI40" s="232"/>
      <c r="AJ40" s="232"/>
      <c r="AK40" s="166" t="s">
        <v>41</v>
      </c>
      <c r="AL40" s="42"/>
    </row>
    <row r="41" spans="2:38" ht="25.5" customHeight="1" thickBot="1" x14ac:dyDescent="0.6">
      <c r="B41" s="105"/>
      <c r="C41" s="248"/>
      <c r="D41" s="249"/>
      <c r="E41" s="249"/>
      <c r="F41" s="249"/>
      <c r="G41" s="249"/>
      <c r="H41" s="250"/>
      <c r="I41" s="251" t="s">
        <v>106</v>
      </c>
      <c r="J41" s="252"/>
      <c r="K41" s="253"/>
      <c r="L41" s="254"/>
      <c r="M41" s="255" t="s">
        <v>5</v>
      </c>
      <c r="N41" s="256"/>
      <c r="O41" s="255" t="s">
        <v>6</v>
      </c>
      <c r="P41" s="256"/>
      <c r="Q41" s="255" t="s">
        <v>7</v>
      </c>
      <c r="R41" s="255" t="s">
        <v>51</v>
      </c>
      <c r="S41" s="254"/>
      <c r="T41" s="254"/>
      <c r="U41" s="255" t="s">
        <v>5</v>
      </c>
      <c r="V41" s="256"/>
      <c r="W41" s="255" t="s">
        <v>6</v>
      </c>
      <c r="X41" s="256"/>
      <c r="Y41" s="255" t="s">
        <v>7</v>
      </c>
      <c r="Z41" s="255"/>
      <c r="AA41" s="255"/>
      <c r="AB41" s="255"/>
      <c r="AC41" s="255"/>
      <c r="AD41" s="255"/>
      <c r="AE41" s="255"/>
      <c r="AF41" s="255"/>
      <c r="AG41" s="255"/>
      <c r="AH41" s="255"/>
      <c r="AI41" s="255"/>
      <c r="AJ41" s="255"/>
      <c r="AK41" s="255"/>
      <c r="AL41" s="42"/>
    </row>
    <row r="42" spans="2:38" ht="25.5" customHeight="1" thickBot="1" x14ac:dyDescent="0.6">
      <c r="B42" s="262">
        <v>11</v>
      </c>
      <c r="C42" s="263" t="s">
        <v>115</v>
      </c>
      <c r="D42" s="264"/>
      <c r="E42" s="264"/>
      <c r="F42" s="264"/>
      <c r="G42" s="264"/>
      <c r="H42" s="265"/>
      <c r="I42" s="196" t="s">
        <v>21</v>
      </c>
      <c r="J42" s="86" t="s">
        <v>116</v>
      </c>
      <c r="K42" s="197"/>
      <c r="L42" s="198" t="s">
        <v>21</v>
      </c>
      <c r="M42" s="86" t="s">
        <v>117</v>
      </c>
      <c r="N42" s="266"/>
      <c r="O42" s="267"/>
      <c r="P42" s="268"/>
      <c r="Q42" s="268"/>
      <c r="R42" s="269" t="s">
        <v>5</v>
      </c>
      <c r="S42" s="268"/>
      <c r="T42" s="268"/>
      <c r="U42" s="269" t="s">
        <v>6</v>
      </c>
      <c r="V42" s="268"/>
      <c r="W42" s="268"/>
      <c r="X42" s="269" t="s">
        <v>7</v>
      </c>
      <c r="Y42" s="270"/>
      <c r="Z42" s="270"/>
      <c r="AA42" s="270"/>
      <c r="AB42" s="270"/>
      <c r="AC42" s="270"/>
      <c r="AD42" s="270"/>
      <c r="AE42" s="270"/>
      <c r="AF42" s="270"/>
      <c r="AG42" s="270"/>
      <c r="AH42" s="270"/>
      <c r="AI42" s="270"/>
      <c r="AJ42" s="270"/>
      <c r="AK42" s="270"/>
      <c r="AL42" s="42"/>
    </row>
    <row r="43" spans="2:38" ht="25.5" customHeight="1" x14ac:dyDescent="0.55000000000000004">
      <c r="B43" s="122">
        <v>12</v>
      </c>
      <c r="C43" s="83" t="s">
        <v>118</v>
      </c>
      <c r="D43" s="84"/>
      <c r="E43" s="84"/>
      <c r="F43" s="84"/>
      <c r="G43" s="84"/>
      <c r="H43" s="85"/>
      <c r="I43" s="196" t="s">
        <v>21</v>
      </c>
      <c r="J43" s="86" t="s">
        <v>104</v>
      </c>
      <c r="K43" s="197"/>
      <c r="L43" s="198" t="s">
        <v>21</v>
      </c>
      <c r="M43" s="86" t="s">
        <v>105</v>
      </c>
      <c r="N43" s="246"/>
      <c r="O43" s="246"/>
      <c r="P43" s="246"/>
      <c r="Q43" s="271"/>
      <c r="R43" s="272" t="s">
        <v>106</v>
      </c>
      <c r="S43" s="273"/>
      <c r="T43" s="274"/>
      <c r="U43" s="275"/>
      <c r="V43" s="276" t="s">
        <v>5</v>
      </c>
      <c r="W43" s="277"/>
      <c r="X43" s="276" t="s">
        <v>6</v>
      </c>
      <c r="Y43" s="277"/>
      <c r="Z43" s="276" t="s">
        <v>7</v>
      </c>
      <c r="AA43" s="276" t="s">
        <v>51</v>
      </c>
      <c r="AB43" s="278"/>
      <c r="AC43" s="279"/>
      <c r="AD43" s="276" t="s">
        <v>5</v>
      </c>
      <c r="AE43" s="277"/>
      <c r="AF43" s="276" t="s">
        <v>6</v>
      </c>
      <c r="AG43" s="277"/>
      <c r="AH43" s="276" t="s">
        <v>7</v>
      </c>
      <c r="AI43" s="276"/>
      <c r="AJ43" s="280"/>
      <c r="AL43" s="42"/>
    </row>
    <row r="44" spans="2:38" ht="39.75" customHeight="1" thickBot="1" x14ac:dyDescent="0.6">
      <c r="B44" s="215"/>
      <c r="C44" s="179"/>
      <c r="D44" s="180"/>
      <c r="E44" s="180"/>
      <c r="F44" s="180"/>
      <c r="G44" s="180"/>
      <c r="H44" s="181"/>
      <c r="I44" s="219" t="s">
        <v>96</v>
      </c>
      <c r="J44" s="219"/>
      <c r="K44" s="219"/>
      <c r="L44" s="219"/>
      <c r="M44" s="220"/>
      <c r="N44" s="221"/>
      <c r="O44" s="222" t="s">
        <v>97</v>
      </c>
      <c r="P44" s="221"/>
      <c r="Q44" s="221"/>
      <c r="R44" s="222" t="s">
        <v>81</v>
      </c>
      <c r="S44" s="222" t="s">
        <v>51</v>
      </c>
      <c r="T44" s="221"/>
      <c r="U44" s="221"/>
      <c r="V44" s="222" t="s">
        <v>97</v>
      </c>
      <c r="W44" s="221"/>
      <c r="X44" s="221"/>
      <c r="Y44" s="222" t="s">
        <v>81</v>
      </c>
      <c r="Z44" s="223" t="s">
        <v>82</v>
      </c>
      <c r="AA44" s="281"/>
      <c r="AB44" s="223"/>
      <c r="AC44" s="282"/>
      <c r="AD44" s="282"/>
      <c r="AE44" s="223" t="s">
        <v>83</v>
      </c>
      <c r="AF44" s="223"/>
      <c r="AG44" s="223"/>
      <c r="AH44" s="223"/>
      <c r="AI44" s="223"/>
      <c r="AJ44" s="281"/>
      <c r="AK44" s="224"/>
    </row>
    <row r="45" spans="2:38" ht="51.75" customHeight="1" thickBot="1" x14ac:dyDescent="0.6">
      <c r="B45" s="283">
        <v>13</v>
      </c>
      <c r="C45" s="284" t="s">
        <v>119</v>
      </c>
      <c r="D45" s="285"/>
      <c r="E45" s="285"/>
      <c r="F45" s="285"/>
      <c r="G45" s="285"/>
      <c r="H45" s="285"/>
      <c r="I45" s="196" t="s">
        <v>21</v>
      </c>
      <c r="J45" s="86" t="s">
        <v>120</v>
      </c>
      <c r="K45" s="198" t="s">
        <v>21</v>
      </c>
      <c r="L45" s="86" t="s">
        <v>121</v>
      </c>
      <c r="M45" s="86"/>
      <c r="N45" s="198" t="s">
        <v>21</v>
      </c>
      <c r="O45" s="86" t="s">
        <v>122</v>
      </c>
      <c r="P45" s="86"/>
      <c r="R45" s="286"/>
      <c r="S45" s="286"/>
      <c r="T45" s="286"/>
      <c r="U45" s="286"/>
      <c r="V45" s="286"/>
      <c r="W45" s="287"/>
      <c r="X45" s="287"/>
      <c r="Y45" s="287"/>
      <c r="Z45" s="287"/>
      <c r="AA45" s="287"/>
      <c r="AB45" s="287"/>
      <c r="AC45" s="287"/>
      <c r="AD45" s="287"/>
      <c r="AE45" s="287"/>
      <c r="AF45" s="287"/>
      <c r="AG45" s="286"/>
      <c r="AH45" s="288"/>
      <c r="AI45" s="288"/>
      <c r="AJ45" s="288"/>
      <c r="AK45" s="289"/>
      <c r="AL45" s="42"/>
    </row>
    <row r="46" spans="2:38" s="295" customFormat="1" ht="51.75" customHeight="1" thickBot="1" x14ac:dyDescent="0.6">
      <c r="B46" s="290">
        <v>14</v>
      </c>
      <c r="C46" s="291" t="s">
        <v>123</v>
      </c>
      <c r="D46" s="291"/>
      <c r="E46" s="291"/>
      <c r="F46" s="291"/>
      <c r="G46" s="291"/>
      <c r="H46" s="291"/>
      <c r="I46" s="292" t="s">
        <v>21</v>
      </c>
      <c r="J46" s="293" t="s">
        <v>120</v>
      </c>
      <c r="K46" s="294" t="s">
        <v>21</v>
      </c>
      <c r="L46" s="293" t="s">
        <v>121</v>
      </c>
      <c r="M46" s="293"/>
      <c r="N46" s="294" t="s">
        <v>21</v>
      </c>
      <c r="O46" s="293" t="s">
        <v>122</v>
      </c>
      <c r="P46" s="198" t="s">
        <v>21</v>
      </c>
      <c r="Q46" s="86" t="s">
        <v>124</v>
      </c>
      <c r="R46" s="286"/>
      <c r="S46" s="286"/>
      <c r="T46" s="286"/>
      <c r="U46" s="286"/>
      <c r="V46" s="286"/>
      <c r="W46" s="287"/>
      <c r="X46" s="287"/>
      <c r="Y46" s="287"/>
      <c r="Z46" s="287"/>
      <c r="AA46" s="287"/>
      <c r="AB46" s="287"/>
      <c r="AC46" s="287"/>
      <c r="AD46" s="287"/>
      <c r="AE46" s="287"/>
      <c r="AF46" s="287"/>
      <c r="AG46" s="286"/>
      <c r="AH46" s="288"/>
      <c r="AI46" s="288"/>
      <c r="AJ46" s="288"/>
      <c r="AL46" s="296"/>
    </row>
    <row r="47" spans="2:38" ht="25.5" customHeight="1" thickBot="1" x14ac:dyDescent="0.6">
      <c r="B47" s="297">
        <v>15</v>
      </c>
      <c r="C47" s="298" t="s">
        <v>125</v>
      </c>
      <c r="D47" s="96"/>
      <c r="E47" s="96"/>
      <c r="F47" s="96"/>
      <c r="G47" s="96"/>
      <c r="H47" s="299"/>
      <c r="I47" s="292" t="s">
        <v>21</v>
      </c>
      <c r="J47" s="293" t="s">
        <v>126</v>
      </c>
      <c r="K47" s="294" t="s">
        <v>21</v>
      </c>
      <c r="L47" s="293" t="s">
        <v>127</v>
      </c>
      <c r="M47" s="293"/>
      <c r="N47" s="294" t="s">
        <v>21</v>
      </c>
      <c r="O47" s="293" t="s">
        <v>128</v>
      </c>
      <c r="P47" s="300"/>
      <c r="Q47" s="301"/>
      <c r="R47" s="301"/>
      <c r="S47" s="301"/>
      <c r="T47" s="301"/>
      <c r="U47" s="301"/>
      <c r="V47" s="301"/>
      <c r="W47" s="301"/>
      <c r="X47" s="301"/>
      <c r="Y47" s="301"/>
      <c r="Z47" s="301"/>
      <c r="AA47" s="301"/>
      <c r="AB47" s="301"/>
      <c r="AC47" s="301"/>
      <c r="AD47" s="301"/>
      <c r="AE47" s="301"/>
      <c r="AF47" s="301"/>
      <c r="AG47" s="301"/>
      <c r="AH47" s="301"/>
      <c r="AI47" s="301"/>
      <c r="AJ47" s="301"/>
      <c r="AK47" s="301"/>
      <c r="AL47" s="42"/>
    </row>
    <row r="48" spans="2:38" ht="25.5" customHeight="1" thickBot="1" x14ac:dyDescent="0.6">
      <c r="B48" s="37">
        <v>16</v>
      </c>
      <c r="C48" s="298" t="s">
        <v>129</v>
      </c>
      <c r="D48" s="96"/>
      <c r="E48" s="96"/>
      <c r="F48" s="96"/>
      <c r="G48" s="96"/>
      <c r="H48" s="299"/>
      <c r="I48" s="45" t="s">
        <v>21</v>
      </c>
      <c r="J48" s="302" t="s">
        <v>126</v>
      </c>
      <c r="K48" s="47" t="s">
        <v>21</v>
      </c>
      <c r="L48" s="302" t="s">
        <v>127</v>
      </c>
      <c r="M48" s="302"/>
      <c r="N48" s="47" t="s">
        <v>21</v>
      </c>
      <c r="O48" s="302" t="s">
        <v>128</v>
      </c>
      <c r="P48" s="303"/>
      <c r="Q48" s="301"/>
      <c r="R48" s="301"/>
      <c r="S48" s="301"/>
      <c r="T48" s="301"/>
      <c r="U48" s="301"/>
      <c r="V48" s="301"/>
      <c r="W48" s="301"/>
      <c r="X48" s="301"/>
      <c r="Y48" s="301"/>
      <c r="Z48" s="301"/>
      <c r="AA48" s="301"/>
      <c r="AB48" s="301"/>
      <c r="AC48" s="301"/>
      <c r="AD48" s="301"/>
      <c r="AE48" s="301"/>
      <c r="AF48" s="301"/>
      <c r="AG48" s="301"/>
      <c r="AH48" s="301"/>
      <c r="AI48" s="301"/>
      <c r="AJ48" s="301"/>
      <c r="AK48" s="301"/>
      <c r="AL48" s="42"/>
    </row>
    <row r="49" spans="2:38" ht="25.5" customHeight="1" thickBot="1" x14ac:dyDescent="0.6">
      <c r="B49" s="37">
        <v>17</v>
      </c>
      <c r="C49" s="285" t="s">
        <v>130</v>
      </c>
      <c r="D49" s="304"/>
      <c r="E49" s="304"/>
      <c r="F49" s="304"/>
      <c r="G49" s="304"/>
      <c r="H49" s="304"/>
      <c r="I49" s="305"/>
      <c r="J49" s="306"/>
      <c r="K49" s="307" t="s">
        <v>5</v>
      </c>
      <c r="L49" s="95"/>
      <c r="M49" s="95"/>
      <c r="N49" s="307" t="s">
        <v>6</v>
      </c>
      <c r="O49" s="95"/>
      <c r="P49" s="95"/>
      <c r="Q49" s="307" t="s">
        <v>7</v>
      </c>
      <c r="R49" s="308"/>
      <c r="S49" s="309" t="s">
        <v>107</v>
      </c>
      <c r="T49" s="309"/>
      <c r="U49" s="308"/>
      <c r="V49" s="306"/>
      <c r="W49" s="306"/>
      <c r="X49" s="307" t="s">
        <v>5</v>
      </c>
      <c r="Y49" s="95"/>
      <c r="Z49" s="95"/>
      <c r="AA49" s="307" t="s">
        <v>6</v>
      </c>
      <c r="AB49" s="95"/>
      <c r="AC49" s="95"/>
      <c r="AD49" s="307" t="s">
        <v>7</v>
      </c>
      <c r="AE49" s="309"/>
      <c r="AF49" s="309"/>
      <c r="AG49" s="309"/>
      <c r="AH49" s="310"/>
      <c r="AI49" s="310"/>
      <c r="AJ49" s="98"/>
      <c r="AK49" s="311"/>
    </row>
    <row r="50" spans="2:38" ht="25.5" customHeight="1" thickBot="1" x14ac:dyDescent="0.6">
      <c r="B50" s="37">
        <v>18</v>
      </c>
      <c r="C50" s="284" t="s">
        <v>131</v>
      </c>
      <c r="D50" s="285"/>
      <c r="E50" s="285"/>
      <c r="F50" s="285"/>
      <c r="G50" s="285"/>
      <c r="H50" s="285"/>
      <c r="I50" s="312"/>
      <c r="J50" s="313"/>
      <c r="K50" s="313"/>
      <c r="L50" s="313"/>
      <c r="M50" s="313"/>
      <c r="N50" s="313"/>
      <c r="O50" s="313"/>
      <c r="P50" s="313"/>
      <c r="Q50" s="313"/>
      <c r="R50" s="313"/>
      <c r="S50" s="313"/>
      <c r="T50" s="313"/>
      <c r="U50" s="313"/>
      <c r="V50" s="313"/>
      <c r="W50" s="313"/>
      <c r="X50" s="313"/>
      <c r="Y50" s="313"/>
      <c r="Z50" s="313"/>
      <c r="AA50" s="313"/>
      <c r="AB50" s="313"/>
      <c r="AC50" s="313"/>
      <c r="AD50" s="313"/>
      <c r="AE50" s="313"/>
      <c r="AF50" s="313"/>
      <c r="AG50" s="313"/>
      <c r="AH50" s="313"/>
      <c r="AI50" s="313"/>
      <c r="AJ50" s="313"/>
      <c r="AK50" s="313"/>
      <c r="AL50" s="42"/>
    </row>
    <row r="51" spans="2:38" ht="25.5" customHeight="1" thickBot="1" x14ac:dyDescent="0.6">
      <c r="B51" s="285">
        <v>19</v>
      </c>
      <c r="C51" s="284" t="s">
        <v>132</v>
      </c>
      <c r="D51" s="285"/>
      <c r="E51" s="285"/>
      <c r="F51" s="285"/>
      <c r="G51" s="285"/>
      <c r="H51" s="285"/>
      <c r="I51" s="314" t="s">
        <v>133</v>
      </c>
      <c r="J51" s="315"/>
      <c r="K51" s="315"/>
      <c r="L51" s="315"/>
      <c r="M51" s="315"/>
      <c r="N51" s="316"/>
      <c r="O51" s="48" t="s">
        <v>134</v>
      </c>
      <c r="P51" s="317"/>
      <c r="Q51" s="317"/>
      <c r="R51" s="317"/>
      <c r="S51" s="317"/>
      <c r="T51" s="317"/>
      <c r="U51" s="317"/>
      <c r="V51" s="317"/>
      <c r="W51" s="318" t="s">
        <v>135</v>
      </c>
      <c r="X51" s="317"/>
      <c r="Y51" s="317"/>
      <c r="Z51" s="317"/>
      <c r="AA51" s="317"/>
      <c r="AB51" s="317"/>
      <c r="AC51" s="319" t="s">
        <v>21</v>
      </c>
      <c r="AD51" s="320" t="s">
        <v>136</v>
      </c>
      <c r="AE51" s="320"/>
      <c r="AF51" s="321" t="s">
        <v>21</v>
      </c>
      <c r="AG51" s="321" t="s">
        <v>137</v>
      </c>
      <c r="AH51" s="320"/>
      <c r="AI51" s="320"/>
      <c r="AJ51" s="320"/>
      <c r="AK51" s="320"/>
      <c r="AL51" s="42"/>
    </row>
    <row r="52" spans="2:38" ht="25.5" customHeight="1" thickBot="1" x14ac:dyDescent="0.6">
      <c r="B52" s="322"/>
      <c r="C52" s="322"/>
      <c r="D52" s="322"/>
      <c r="E52" s="322"/>
      <c r="F52" s="322"/>
      <c r="G52" s="322"/>
      <c r="H52" s="322"/>
      <c r="I52" s="323"/>
      <c r="J52" s="324"/>
      <c r="K52" s="324"/>
      <c r="L52" s="324"/>
      <c r="M52" s="324"/>
      <c r="N52" s="325"/>
      <c r="O52" s="326"/>
      <c r="P52" s="327"/>
      <c r="Q52" s="328" t="s">
        <v>5</v>
      </c>
      <c r="R52" s="329"/>
      <c r="S52" s="328" t="s">
        <v>6</v>
      </c>
      <c r="T52" s="330"/>
      <c r="U52" s="331"/>
      <c r="V52" s="332" t="s">
        <v>7</v>
      </c>
      <c r="W52" s="333"/>
      <c r="X52" s="334"/>
      <c r="Y52" s="334"/>
      <c r="Z52" s="334"/>
      <c r="AA52" s="334"/>
      <c r="AB52" s="334"/>
      <c r="AC52" s="335"/>
      <c r="AD52" s="336"/>
      <c r="AE52" s="336"/>
      <c r="AF52" s="336"/>
      <c r="AG52" s="336"/>
      <c r="AH52" s="336"/>
      <c r="AI52" s="336"/>
      <c r="AJ52" s="336"/>
      <c r="AK52" s="336"/>
      <c r="AL52" s="337"/>
    </row>
    <row r="53" spans="2:38" ht="25.5" customHeight="1" thickBot="1" x14ac:dyDescent="0.6">
      <c r="B53" s="322"/>
      <c r="C53" s="322"/>
      <c r="D53" s="322"/>
      <c r="E53" s="322"/>
      <c r="F53" s="322"/>
      <c r="G53" s="322"/>
      <c r="H53" s="322"/>
      <c r="I53" s="43" t="s">
        <v>138</v>
      </c>
      <c r="J53" s="338"/>
      <c r="K53" s="338"/>
      <c r="L53" s="338"/>
      <c r="M53" s="338"/>
      <c r="N53" s="338"/>
      <c r="O53" s="43" t="s">
        <v>134</v>
      </c>
      <c r="P53" s="339"/>
      <c r="Q53" s="339"/>
      <c r="R53" s="339"/>
      <c r="S53" s="339"/>
      <c r="T53" s="339"/>
      <c r="U53" s="339"/>
      <c r="V53" s="339"/>
      <c r="W53" s="338" t="s">
        <v>135</v>
      </c>
      <c r="X53" s="339"/>
      <c r="Y53" s="339"/>
      <c r="Z53" s="339"/>
      <c r="AA53" s="339"/>
      <c r="AB53" s="339"/>
      <c r="AC53" s="319" t="s">
        <v>21</v>
      </c>
      <c r="AD53" s="320" t="s">
        <v>136</v>
      </c>
      <c r="AE53" s="320"/>
      <c r="AF53" s="321" t="s">
        <v>21</v>
      </c>
      <c r="AG53" s="321" t="s">
        <v>137</v>
      </c>
      <c r="AH53" s="320"/>
      <c r="AI53" s="320"/>
      <c r="AJ53" s="320"/>
      <c r="AK53" s="320"/>
      <c r="AL53" s="42"/>
    </row>
    <row r="54" spans="2:38" ht="25.5" customHeight="1" thickBot="1" x14ac:dyDescent="0.6">
      <c r="B54" s="322"/>
      <c r="C54" s="322"/>
      <c r="D54" s="322"/>
      <c r="E54" s="322"/>
      <c r="F54" s="322"/>
      <c r="G54" s="322"/>
      <c r="H54" s="322"/>
      <c r="I54" s="323"/>
      <c r="J54" s="333"/>
      <c r="K54" s="333"/>
      <c r="L54" s="333"/>
      <c r="M54" s="333"/>
      <c r="N54" s="333"/>
      <c r="O54" s="326"/>
      <c r="P54" s="327"/>
      <c r="Q54" s="328" t="s">
        <v>5</v>
      </c>
      <c r="R54" s="329"/>
      <c r="S54" s="328" t="s">
        <v>6</v>
      </c>
      <c r="T54" s="330"/>
      <c r="U54" s="331"/>
      <c r="V54" s="332" t="s">
        <v>7</v>
      </c>
      <c r="W54" s="333"/>
      <c r="X54" s="334"/>
      <c r="Y54" s="334"/>
      <c r="Z54" s="334"/>
      <c r="AA54" s="334"/>
      <c r="AB54" s="334"/>
      <c r="AC54" s="335"/>
      <c r="AD54" s="336"/>
      <c r="AE54" s="336"/>
      <c r="AF54" s="336"/>
      <c r="AG54" s="336"/>
      <c r="AH54" s="336"/>
      <c r="AI54" s="336"/>
      <c r="AJ54" s="336"/>
      <c r="AK54" s="336"/>
      <c r="AL54" s="42"/>
    </row>
    <row r="55" spans="2:38" ht="25.5" customHeight="1" thickBot="1" x14ac:dyDescent="0.6">
      <c r="B55" s="322"/>
      <c r="C55" s="322"/>
      <c r="D55" s="322"/>
      <c r="E55" s="322"/>
      <c r="F55" s="322"/>
      <c r="G55" s="322"/>
      <c r="H55" s="322"/>
      <c r="I55" s="43" t="s">
        <v>138</v>
      </c>
      <c r="J55" s="338"/>
      <c r="K55" s="338"/>
      <c r="L55" s="338"/>
      <c r="M55" s="338"/>
      <c r="N55" s="338"/>
      <c r="O55" s="43" t="s">
        <v>134</v>
      </c>
      <c r="P55" s="339"/>
      <c r="Q55" s="339"/>
      <c r="R55" s="339"/>
      <c r="S55" s="339"/>
      <c r="T55" s="339"/>
      <c r="U55" s="339"/>
      <c r="V55" s="339"/>
      <c r="W55" s="338" t="s">
        <v>135</v>
      </c>
      <c r="X55" s="339"/>
      <c r="Y55" s="339"/>
      <c r="Z55" s="339"/>
      <c r="AA55" s="339"/>
      <c r="AB55" s="339"/>
      <c r="AC55" s="319" t="s">
        <v>21</v>
      </c>
      <c r="AD55" s="320" t="s">
        <v>136</v>
      </c>
      <c r="AE55" s="320"/>
      <c r="AF55" s="321" t="s">
        <v>21</v>
      </c>
      <c r="AG55" s="321" t="s">
        <v>137</v>
      </c>
      <c r="AH55" s="320"/>
      <c r="AI55" s="320"/>
      <c r="AJ55" s="320"/>
      <c r="AK55" s="320"/>
      <c r="AL55" s="42"/>
    </row>
    <row r="56" spans="2:38" ht="25.5" customHeight="1" thickBot="1" x14ac:dyDescent="0.6">
      <c r="B56" s="322"/>
      <c r="C56" s="322"/>
      <c r="D56" s="322"/>
      <c r="E56" s="322"/>
      <c r="F56" s="322"/>
      <c r="G56" s="322"/>
      <c r="H56" s="322"/>
      <c r="I56" s="323"/>
      <c r="J56" s="333"/>
      <c r="K56" s="333"/>
      <c r="L56" s="333"/>
      <c r="M56" s="333"/>
      <c r="N56" s="333"/>
      <c r="O56" s="326"/>
      <c r="P56" s="327"/>
      <c r="Q56" s="328" t="s">
        <v>5</v>
      </c>
      <c r="R56" s="329"/>
      <c r="S56" s="328" t="s">
        <v>6</v>
      </c>
      <c r="T56" s="330"/>
      <c r="U56" s="331"/>
      <c r="V56" s="332" t="s">
        <v>7</v>
      </c>
      <c r="W56" s="333"/>
      <c r="X56" s="334"/>
      <c r="Y56" s="334"/>
      <c r="Z56" s="334"/>
      <c r="AA56" s="334"/>
      <c r="AB56" s="334"/>
      <c r="AC56" s="335"/>
      <c r="AD56" s="336"/>
      <c r="AE56" s="336"/>
      <c r="AF56" s="336"/>
      <c r="AG56" s="336"/>
      <c r="AH56" s="336"/>
      <c r="AI56" s="336"/>
      <c r="AJ56" s="336"/>
      <c r="AK56" s="336"/>
      <c r="AL56" s="42"/>
    </row>
    <row r="57" spans="2:38" ht="25.5" customHeight="1" x14ac:dyDescent="0.55000000000000004">
      <c r="B57" s="340"/>
      <c r="I57" s="341"/>
      <c r="J57" s="341"/>
      <c r="K57" s="341"/>
      <c r="L57" s="341"/>
      <c r="M57" s="341"/>
      <c r="N57" s="341"/>
      <c r="O57" s="341"/>
      <c r="P57" s="341"/>
      <c r="Q57" s="341"/>
      <c r="R57" s="341"/>
      <c r="S57" s="341"/>
      <c r="T57" s="341"/>
      <c r="U57" s="341"/>
      <c r="V57" s="341"/>
      <c r="W57" s="341"/>
      <c r="X57" s="341"/>
      <c r="Y57" s="341"/>
      <c r="Z57" s="341"/>
      <c r="AA57" s="341"/>
      <c r="AB57" s="341"/>
      <c r="AC57" s="341"/>
      <c r="AD57" s="341"/>
      <c r="AE57" s="341"/>
      <c r="AF57" s="341"/>
      <c r="AG57" s="341"/>
      <c r="AH57" s="341"/>
      <c r="AI57" s="341"/>
      <c r="AJ57" s="341"/>
      <c r="AK57" s="341"/>
    </row>
    <row r="58" spans="2:38" ht="25.5" customHeight="1" x14ac:dyDescent="0.55000000000000004">
      <c r="B58" s="342"/>
      <c r="I58" s="341"/>
      <c r="J58" s="341"/>
      <c r="K58" s="341"/>
      <c r="L58" s="341"/>
      <c r="M58" s="341"/>
      <c r="N58" s="341"/>
      <c r="O58" s="341"/>
      <c r="P58" s="341"/>
      <c r="Q58" s="341"/>
      <c r="R58" s="341"/>
      <c r="S58" s="341"/>
      <c r="T58" s="341"/>
      <c r="U58" s="341"/>
      <c r="V58" s="341"/>
      <c r="W58" s="341"/>
      <c r="X58" s="341"/>
      <c r="Y58" s="341"/>
      <c r="Z58" s="341"/>
      <c r="AA58" s="341"/>
      <c r="AB58" s="341"/>
      <c r="AC58" s="341"/>
      <c r="AD58" s="341"/>
      <c r="AE58" s="341"/>
      <c r="AF58" s="341"/>
      <c r="AG58" s="341"/>
      <c r="AH58" s="341"/>
      <c r="AI58" s="341"/>
      <c r="AJ58" s="341"/>
      <c r="AK58" s="341"/>
    </row>
    <row r="59" spans="2:38" x14ac:dyDescent="0.55000000000000004">
      <c r="B59" s="343"/>
      <c r="C59" s="343"/>
      <c r="D59" s="343"/>
      <c r="E59" s="343"/>
      <c r="F59" s="343"/>
      <c r="G59" s="343"/>
      <c r="H59" s="343"/>
      <c r="I59" s="343"/>
      <c r="J59" s="343"/>
      <c r="K59" s="343"/>
      <c r="L59" s="343"/>
      <c r="M59" s="343"/>
      <c r="N59" s="343"/>
      <c r="O59" s="343"/>
      <c r="P59" s="343"/>
      <c r="Q59" s="343"/>
      <c r="R59" s="343"/>
      <c r="S59" s="343"/>
      <c r="T59" s="343"/>
      <c r="U59" s="343"/>
      <c r="V59" s="343"/>
      <c r="W59" s="343"/>
      <c r="X59" s="343"/>
      <c r="Y59" s="343"/>
      <c r="Z59" s="343"/>
      <c r="AA59" s="343"/>
      <c r="AB59" s="343"/>
      <c r="AC59" s="343"/>
      <c r="AD59" s="343"/>
      <c r="AE59" s="343"/>
      <c r="AF59" s="343"/>
      <c r="AG59" s="343"/>
      <c r="AH59" s="343"/>
      <c r="AI59" s="343"/>
      <c r="AJ59" s="343"/>
      <c r="AK59" s="343"/>
    </row>
  </sheetData>
  <mergeCells count="236">
    <mergeCell ref="B59:AK59"/>
    <mergeCell ref="AF55:AF56"/>
    <mergeCell ref="AG55:AK56"/>
    <mergeCell ref="I56:N56"/>
    <mergeCell ref="O56:P56"/>
    <mergeCell ref="T56:U56"/>
    <mergeCell ref="W56:AB56"/>
    <mergeCell ref="AG53:AK54"/>
    <mergeCell ref="I54:N54"/>
    <mergeCell ref="O54:P54"/>
    <mergeCell ref="T54:U54"/>
    <mergeCell ref="W54:AB54"/>
    <mergeCell ref="I55:N55"/>
    <mergeCell ref="O55:V55"/>
    <mergeCell ref="W55:AB55"/>
    <mergeCell ref="AC55:AC56"/>
    <mergeCell ref="AD55:AE56"/>
    <mergeCell ref="I53:N53"/>
    <mergeCell ref="O53:V53"/>
    <mergeCell ref="W53:AB53"/>
    <mergeCell ref="AC53:AC54"/>
    <mergeCell ref="AD53:AE54"/>
    <mergeCell ref="AF53:AF54"/>
    <mergeCell ref="AF51:AF52"/>
    <mergeCell ref="AG51:AK52"/>
    <mergeCell ref="I52:N52"/>
    <mergeCell ref="O52:P52"/>
    <mergeCell ref="T52:U52"/>
    <mergeCell ref="W52:AB52"/>
    <mergeCell ref="AE49:AG49"/>
    <mergeCell ref="C50:H50"/>
    <mergeCell ref="I50:AK50"/>
    <mergeCell ref="B51:B56"/>
    <mergeCell ref="C51:H56"/>
    <mergeCell ref="I51:N51"/>
    <mergeCell ref="O51:V51"/>
    <mergeCell ref="W51:AB51"/>
    <mergeCell ref="AC51:AC52"/>
    <mergeCell ref="AD51:AE52"/>
    <mergeCell ref="L49:M49"/>
    <mergeCell ref="O49:P49"/>
    <mergeCell ref="S49:T49"/>
    <mergeCell ref="V49:W49"/>
    <mergeCell ref="Y49:Z49"/>
    <mergeCell ref="AB49:AC49"/>
    <mergeCell ref="C45:H45"/>
    <mergeCell ref="C46:H46"/>
    <mergeCell ref="C47:H47"/>
    <mergeCell ref="C48:H48"/>
    <mergeCell ref="C49:H49"/>
    <mergeCell ref="I49:J49"/>
    <mergeCell ref="I44:L44"/>
    <mergeCell ref="M44:N44"/>
    <mergeCell ref="P44:Q44"/>
    <mergeCell ref="T44:U44"/>
    <mergeCell ref="W44:X44"/>
    <mergeCell ref="AC44:AD44"/>
    <mergeCell ref="C42:H42"/>
    <mergeCell ref="P42:Q42"/>
    <mergeCell ref="S42:T42"/>
    <mergeCell ref="V42:W42"/>
    <mergeCell ref="Y42:AK42"/>
    <mergeCell ref="B43:B44"/>
    <mergeCell ref="C43:H44"/>
    <mergeCell ref="R43:S43"/>
    <mergeCell ref="T43:U43"/>
    <mergeCell ref="AB43:AC43"/>
    <mergeCell ref="B40:B41"/>
    <mergeCell ref="C40:H41"/>
    <mergeCell ref="R40:S40"/>
    <mergeCell ref="AD40:AJ40"/>
    <mergeCell ref="I41:J41"/>
    <mergeCell ref="K41:L41"/>
    <mergeCell ref="S41:T41"/>
    <mergeCell ref="X37:Y37"/>
    <mergeCell ref="AA37:AB37"/>
    <mergeCell ref="AD37:AE37"/>
    <mergeCell ref="AG37:AK37"/>
    <mergeCell ref="B38:B39"/>
    <mergeCell ref="C38:H39"/>
    <mergeCell ref="I39:J39"/>
    <mergeCell ref="K39:L39"/>
    <mergeCell ref="S39:T39"/>
    <mergeCell ref="AE35:AF35"/>
    <mergeCell ref="AG35:AI35"/>
    <mergeCell ref="AJ35:AK35"/>
    <mergeCell ref="B36:B37"/>
    <mergeCell ref="C36:H37"/>
    <mergeCell ref="I37:J37"/>
    <mergeCell ref="K37:L37"/>
    <mergeCell ref="N37:O37"/>
    <mergeCell ref="Q37:R37"/>
    <mergeCell ref="U37:V37"/>
    <mergeCell ref="R35:S35"/>
    <mergeCell ref="T35:U35"/>
    <mergeCell ref="V35:W35"/>
    <mergeCell ref="X35:Z35"/>
    <mergeCell ref="AA35:AB35"/>
    <mergeCell ref="AC35:AD35"/>
    <mergeCell ref="T34:U34"/>
    <mergeCell ref="W34:X34"/>
    <mergeCell ref="AA34:AB34"/>
    <mergeCell ref="AC34:AD34"/>
    <mergeCell ref="AF34:AG34"/>
    <mergeCell ref="AI34:AK34"/>
    <mergeCell ref="B34:B35"/>
    <mergeCell ref="C34:H35"/>
    <mergeCell ref="I34:J34"/>
    <mergeCell ref="K34:L34"/>
    <mergeCell ref="N34:O34"/>
    <mergeCell ref="R34:S34"/>
    <mergeCell ref="I35:J35"/>
    <mergeCell ref="K35:L35"/>
    <mergeCell ref="M35:N35"/>
    <mergeCell ref="O35:Q35"/>
    <mergeCell ref="U32:V32"/>
    <mergeCell ref="W32:AK32"/>
    <mergeCell ref="I33:L33"/>
    <mergeCell ref="M33:N33"/>
    <mergeCell ref="P33:Q33"/>
    <mergeCell ref="T33:U33"/>
    <mergeCell ref="W33:X33"/>
    <mergeCell ref="AC33:AD33"/>
    <mergeCell ref="AF30:AI30"/>
    <mergeCell ref="C31:H33"/>
    <mergeCell ref="I31:L31"/>
    <mergeCell ref="S31:T31"/>
    <mergeCell ref="U31:V31"/>
    <mergeCell ref="W31:X31"/>
    <mergeCell ref="AC31:AD31"/>
    <mergeCell ref="AF31:AI31"/>
    <mergeCell ref="I32:L32"/>
    <mergeCell ref="S32:T32"/>
    <mergeCell ref="I30:J30"/>
    <mergeCell ref="K30:L30"/>
    <mergeCell ref="N30:O30"/>
    <mergeCell ref="T30:U30"/>
    <mergeCell ref="W30:X30"/>
    <mergeCell ref="AC30:AD30"/>
    <mergeCell ref="AF28:AI28"/>
    <mergeCell ref="I29:J29"/>
    <mergeCell ref="K29:L29"/>
    <mergeCell ref="N29:O29"/>
    <mergeCell ref="T29:U29"/>
    <mergeCell ref="W29:X29"/>
    <mergeCell ref="AC29:AD29"/>
    <mergeCell ref="AF29:AI29"/>
    <mergeCell ref="I28:J28"/>
    <mergeCell ref="K28:L28"/>
    <mergeCell ref="N28:O28"/>
    <mergeCell ref="T28:U28"/>
    <mergeCell ref="W28:X28"/>
    <mergeCell ref="AC28:AD28"/>
    <mergeCell ref="AJ25:AK26"/>
    <mergeCell ref="P26:R26"/>
    <mergeCell ref="I27:N27"/>
    <mergeCell ref="O27:P27"/>
    <mergeCell ref="Q27:S27"/>
    <mergeCell ref="U27:Z27"/>
    <mergeCell ref="AA27:AB27"/>
    <mergeCell ref="AC27:AE27"/>
    <mergeCell ref="AG27:AI27"/>
    <mergeCell ref="Y25:Z26"/>
    <mergeCell ref="AA25:AB26"/>
    <mergeCell ref="AC25:AC26"/>
    <mergeCell ref="AD25:AF26"/>
    <mergeCell ref="AG25:AH26"/>
    <mergeCell ref="AI25:AI26"/>
    <mergeCell ref="M22:AK22"/>
    <mergeCell ref="B23:B24"/>
    <mergeCell ref="C23:H24"/>
    <mergeCell ref="AD24:AJ24"/>
    <mergeCell ref="B25:B33"/>
    <mergeCell ref="C25:H30"/>
    <mergeCell ref="P25:R25"/>
    <mergeCell ref="S25:T26"/>
    <mergeCell ref="U25:V26"/>
    <mergeCell ref="W25:X26"/>
    <mergeCell ref="AD19:AF19"/>
    <mergeCell ref="C20:H20"/>
    <mergeCell ref="M20:S20"/>
    <mergeCell ref="T20:U20"/>
    <mergeCell ref="AB20:AC20"/>
    <mergeCell ref="B21:B22"/>
    <mergeCell ref="C21:H22"/>
    <mergeCell ref="I21:L21"/>
    <mergeCell ref="M21:AK21"/>
    <mergeCell ref="I22:L22"/>
    <mergeCell ref="B18:B19"/>
    <mergeCell ref="C18:H18"/>
    <mergeCell ref="I18:Z18"/>
    <mergeCell ref="C19:H19"/>
    <mergeCell ref="I19:Z19"/>
    <mergeCell ref="AA19:AC19"/>
    <mergeCell ref="AD9:AG9"/>
    <mergeCell ref="AI9:AK9"/>
    <mergeCell ref="V10:AK10"/>
    <mergeCell ref="C13:H13"/>
    <mergeCell ref="I13:AK13"/>
    <mergeCell ref="B14:B17"/>
    <mergeCell ref="C14:H17"/>
    <mergeCell ref="Z17:AH17"/>
    <mergeCell ref="B9:E9"/>
    <mergeCell ref="F9:G9"/>
    <mergeCell ref="I9:K9"/>
    <mergeCell ref="M9:O9"/>
    <mergeCell ref="V9:Y9"/>
    <mergeCell ref="Z9:AB9"/>
    <mergeCell ref="V7:X7"/>
    <mergeCell ref="Z7:AB7"/>
    <mergeCell ref="AD7:AG7"/>
    <mergeCell ref="AI7:AK7"/>
    <mergeCell ref="B8:E8"/>
    <mergeCell ref="F8:O8"/>
    <mergeCell ref="V8:Y8"/>
    <mergeCell ref="Z8:AK8"/>
    <mergeCell ref="V5:Y5"/>
    <mergeCell ref="Z5:AK5"/>
    <mergeCell ref="B6:O6"/>
    <mergeCell ref="V6:Y6"/>
    <mergeCell ref="Z6:AK6"/>
    <mergeCell ref="B7:D7"/>
    <mergeCell ref="E7:F7"/>
    <mergeCell ref="G7:H7"/>
    <mergeCell ref="J7:K7"/>
    <mergeCell ref="M7:N7"/>
    <mergeCell ref="B1:AJ1"/>
    <mergeCell ref="B2:I2"/>
    <mergeCell ref="K2:AK2"/>
    <mergeCell ref="B3:U5"/>
    <mergeCell ref="Y3:Z3"/>
    <mergeCell ref="AA3:AD3"/>
    <mergeCell ref="AF3:AG3"/>
    <mergeCell ref="AI3:AJ3"/>
    <mergeCell ref="V4:Y4"/>
    <mergeCell ref="Z4:AK4"/>
  </mergeCells>
  <phoneticPr fontId="4"/>
  <dataValidations count="4">
    <dataValidation type="custom" operator="lessThanOrEqual" allowBlank="1" showInputMessage="1" showErrorMessage="1" sqref="M35:N35 V35:W35 AE35:AF35 AC28:AD31 AC33:AD33" xr:uid="{BFA8BD5E-FA6A-4D68-8FD0-67C3929AFFA9}">
      <formula1>744</formula1>
    </dataValidation>
    <dataValidation type="list" allowBlank="1" showInputMessage="1" showErrorMessage="1" sqref="AA43 AA33:AB33" xr:uid="{024E5C82-5F77-4DEA-AB5D-D4B9BA700559}">
      <formula1>"01,02,03,04,05,06,07,08,09,10,11,12,13,14,15,16,17,18,19,20,21,22,23,24,25,26,27,28,29,30,31"</formula1>
    </dataValidation>
    <dataValidation imeMode="halfAlpha" allowBlank="1" showInputMessage="1" showErrorMessage="1" sqref="R32 O32" xr:uid="{C15515DE-6167-41AE-9675-C476C896510E}"/>
    <dataValidation operator="greaterThanOrEqual" allowBlank="1" showInputMessage="1" showErrorMessage="1" sqref="Z7:AA7" xr:uid="{9F8AFE13-B4AB-4C0F-A6E2-01393AEF036F}"/>
  </dataValidations>
  <hyperlinks>
    <hyperlink ref="C14:H17" location="記入要綱!A1" display="業種" xr:uid="{EF69B8CA-23FC-4AA9-A267-850852067C00}"/>
  </hyperlinks>
  <printOptions horizontalCentered="1" verticalCentered="1"/>
  <pageMargins left="0.23622047244094491" right="0.23622047244094491" top="0.35433070866141736" bottom="0.23622047244094491" header="0.31496062992125984" footer="0.31496062992125984"/>
  <pageSetup paperSize="9" scale="47"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就労証明書 </vt:lpstr>
      <vt:lpstr>様式記入例（裏）</vt:lpstr>
      <vt:lpstr>'就労証明書 '!Print_Area</vt:lpstr>
      <vt:lpstr>'様式記入例（裏）'!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青木 仁奈</dc:creator>
  <cp:lastModifiedBy>青木 仁奈</cp:lastModifiedBy>
  <dcterms:created xsi:type="dcterms:W3CDTF">2025-09-03T06:09:22Z</dcterms:created>
  <dcterms:modified xsi:type="dcterms:W3CDTF">2025-09-03T06:10:44Z</dcterms:modified>
</cp:coreProperties>
</file>